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2\LRF - 2022\Arquivos para Publicação 2022\RREO 1º Bim 2022 PUBLICAÇÃO\"/>
    </mc:Choice>
  </mc:AlternateContent>
  <bookViews>
    <workbookView xWindow="0" yWindow="0" windowWidth="28800" windowHeight="12330" firstSheet="9" activeTab="12"/>
  </bookViews>
  <sheets>
    <sheet name="Anexo - 01 - Balanço Orçamentár" sheetId="1" r:id="rId1"/>
    <sheet name="Anexo - 01.1 - Despesas Corrent" sheetId="2" r:id="rId2"/>
    <sheet name="Anexo - 02 - Despesas por Funçã" sheetId="3" r:id="rId3"/>
    <sheet name="Anexo - 03 - Receita Corrente L" sheetId="4" r:id="rId4"/>
    <sheet name="Anexo - 04 - Receitas e Despesa" sheetId="5" r:id="rId5"/>
    <sheet name="Anexo - 06 - Resultado Primário" sheetId="6" r:id="rId6"/>
    <sheet name="Anexo - 07 - Restos a Pagar por" sheetId="7" r:id="rId7"/>
    <sheet name="Anexo - 08 - Receitas e Despesa" sheetId="8" r:id="rId8"/>
    <sheet name="Anexo - 08.1 - Despesa MDE-Cons" sheetId="9" r:id="rId9"/>
    <sheet name="Anexo - 12 - Receitas e Despesa" sheetId="10" r:id="rId10"/>
    <sheet name="Anexo - 12.1 - Despesas Saúde -" sheetId="11" r:id="rId11"/>
    <sheet name="Anexo - 13 - Parcerias Público-" sheetId="12" r:id="rId12"/>
    <sheet name="Anexo - 14 - Resumo Execução Or" sheetId="13" r:id="rId13"/>
  </sheets>
  <calcPr calcId="0"/>
</workbook>
</file>

<file path=xl/sharedStrings.xml><?xml version="1.0" encoding="utf-8"?>
<sst xmlns="http://schemas.openxmlformats.org/spreadsheetml/2006/main" count="3174" uniqueCount="1276">
  <si>
    <t>ESTADO DE MATO GROSSO DO SUL</t>
  </si>
  <si>
    <t>Relatório Resumido de Execução Orçamentária</t>
  </si>
  <si>
    <t>BALANÇO ORÇAMENTÁRIO</t>
  </si>
  <si>
    <t>Orçamentos Fiscal e da Seguridade Social</t>
  </si>
  <si>
    <t>JANEIRO A FEVEREIRO DE 2022 / BIMESTRE JANEIRO - FEVEREIRO</t>
  </si>
  <si>
    <t>RREO - Anexo 1 (LRF, art. 52, inciso I, alíneas "a" e "b" do inciso II e §1º)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Outras Transferências</t>
  </si>
  <si>
    <t>36</t>
  </si>
  <si>
    <t xml:space="preserve">            OUTRAS RECEITAS CORRENTES</t>
  </si>
  <si>
    <t>37</t>
  </si>
  <si>
    <t xml:space="preserve">               Multas Administrativas, Contratuais e Judiciais</t>
  </si>
  <si>
    <t>38</t>
  </si>
  <si>
    <t xml:space="preserve">               Indenizações, Restituições e Ressarcimentos</t>
  </si>
  <si>
    <t>39</t>
  </si>
  <si>
    <t xml:space="preserve">               Bens, Direitos e Valores Incorporados ao Patrimônio Público</t>
  </si>
  <si>
    <t>40</t>
  </si>
  <si>
    <t xml:space="preserve">               Multas e Juros de Mora das Receitas de Capital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 xml:space="preserve">               Transferências de Pessoas Físicas</t>
  </si>
  <si>
    <t>59</t>
  </si>
  <si>
    <t xml:space="preserve">               Transferências Provenientes de Depósitos Não Identificados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Outras Transferências</t>
  </si>
  <si>
    <t>140</t>
  </si>
  <si>
    <t xml:space="preserve">   OUTRAS RECEITAS CORRENTES</t>
  </si>
  <si>
    <t>141</t>
  </si>
  <si>
    <t xml:space="preserve">      Multas Administrativas, Contratuais e Judiciais</t>
  </si>
  <si>
    <t>142</t>
  </si>
  <si>
    <t xml:space="preserve">      Indenizações, Restituições e Ressarcimentos</t>
  </si>
  <si>
    <t>143</t>
  </si>
  <si>
    <t xml:space="preserve">      Bens, Direitos e Valores Incorporados ao Patrimônio Público</t>
  </si>
  <si>
    <t>144</t>
  </si>
  <si>
    <t xml:space="preserve">      Multas e Juros de Mora das Receitas de Capital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 xml:space="preserve">      Transferências de Pessoas Físicas</t>
  </si>
  <si>
    <t>163</t>
  </si>
  <si>
    <t xml:space="preserve">      Transferências Provenientes de Depósitos Não Identificados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 RELAÇÃO DAS DESPESAS CORRENTES E RECEITAS CORRENTES</t>
  </si>
  <si>
    <t>RREO - Anexo 1.1 (Art. 167-A da CF/88)</t>
  </si>
  <si>
    <t>Evolução da Receita Realizada nos últimos 12 meses</t>
  </si>
  <si>
    <t>Mar/2021</t>
  </si>
  <si>
    <t>Abr/2021</t>
  </si>
  <si>
    <t>Mai/2021</t>
  </si>
  <si>
    <t>Jun/2021</t>
  </si>
  <si>
    <t>Jul/2021</t>
  </si>
  <si>
    <t>Ago/2021</t>
  </si>
  <si>
    <t>Set/2021</t>
  </si>
  <si>
    <t>Out/2021</t>
  </si>
  <si>
    <t>Nov/2021</t>
  </si>
  <si>
    <t>Dez/2021</t>
  </si>
  <si>
    <t>Jan/2022</t>
  </si>
  <si>
    <t>Fev/2022</t>
  </si>
  <si>
    <t>Total dos Últimos 12 meses (a)</t>
  </si>
  <si>
    <t>RECEITAS CORRENTES ¹</t>
  </si>
  <si>
    <t>RECEITAS CORRENTES (EXCETO INTRA-ORÇAMENTÁRIAS)</t>
  </si>
  <si>
    <t xml:space="preserve"> DESPESAS CORRENTES</t>
  </si>
  <si>
    <t>Evolução da Despesa Liquidada nos últimos 12 meses</t>
  </si>
  <si>
    <t>Total dos Últimos 12 meses (b)</t>
  </si>
  <si>
    <t>Restos a Pagar NÃO Processados Inscritos</t>
  </si>
  <si>
    <t>Em 31 de Dezembro (c) ³</t>
  </si>
  <si>
    <t>Cancelamento (d) 4</t>
  </si>
  <si>
    <t>Total dos Últimos 12 meses Ajustado  (e) = (b) + (c) - (d)</t>
  </si>
  <si>
    <t>DESPESAS CORRENTES ²</t>
  </si>
  <si>
    <t>DESPESAS (EXCETO INTRA-ORÇAMENTÁRIAS)</t>
  </si>
  <si>
    <t>RELAÇÃO ENTRE AS DESPESAS CORRENTES E RECEITAS CORRENTES</t>
  </si>
  <si>
    <t>Valor</t>
  </si>
  <si>
    <t>RELAÇÃO ENTRE AS DESPESAS CORRENTES E RECEITAS CORRENTES (%)  (f) = ((e) / (a) * 100)</t>
  </si>
  <si>
    <t>TRAJETÓRIA DE RETORNO AO LIMITE ESTABELECIDO NO ART. 167-A DA CF/88</t>
  </si>
  <si>
    <t>Percentual (%) do Limite Máximo (g)</t>
  </si>
  <si>
    <t>Percentual (%) que excedeu o Limite Permitido (h)</t>
  </si>
  <si>
    <t>Percentual (%) do ajuste Fiscal Previsto no Ato Normativo (i)</t>
  </si>
  <si>
    <t>Percentual (%) excedente ajustado (j)</t>
  </si>
  <si>
    <t xml:space="preserve">TRAJETÓRIA DE RETORNO AO LIMITE DO ART. 167-A DA CF/88 5 </t>
  </si>
  <si>
    <t>DEMONSTRATIVO DA EXECUÇÃO DAS DESPESAS POR FUNÇÃO/SUBFUNÇÃO</t>
  </si>
  <si>
    <t>RREO - Anexo 2 (LRF, art. 52, inciso II, alínea "c")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11 - Trabalho</t>
  </si>
  <si>
    <t xml:space="preserve">      333 - Empregabilidade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3 - Ensino Profissiona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00001</t>
  </si>
  <si>
    <t>Total</t>
  </si>
  <si>
    <t>DEMONSTRATIVO DA RECEITA CORRENTE LÍQUIDA</t>
  </si>
  <si>
    <t>RREO - Anexo 3 (LRF, art. 53, inciso I)</t>
  </si>
  <si>
    <t>ESPECIFICAÇÃO</t>
  </si>
  <si>
    <t>Total (ùltimos 12 Meses)</t>
  </si>
  <si>
    <t>Previsão Atualizada 2022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Rendimentos de Aplicações de Recursos Previdenciários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</t>
  </si>
  <si>
    <t>RREO - Anexo 4 (LRF, art. 53, inciso II)</t>
  </si>
  <si>
    <t>RECEITAS PREVIDENCIÁRIAS - RPPS (FUNDO EM CAPITALIZAÇÃO)</t>
  </si>
  <si>
    <t>Receitas Realizadas até o Bimestre (b)</t>
  </si>
  <si>
    <t>RECEITAS CORRENTES (I)</t>
  </si>
  <si>
    <t xml:space="preserve">Receita de Contribuições dos Segurados </t>
  </si>
  <si>
    <t xml:space="preserve">   Ativo </t>
  </si>
  <si>
    <t xml:space="preserve">   Inativo </t>
  </si>
  <si>
    <t xml:space="preserve">   Pensionista </t>
  </si>
  <si>
    <t xml:space="preserve">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Financeira entre os regimes</t>
  </si>
  <si>
    <t xml:space="preserve">   Receita de Aportes Periódicos para Amortização de Déficit Atuarial do RPPS (II)¹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DO FUNDO EM CAPITALIZAÇÃO - (IV) = (I + III - II)</t>
  </si>
  <si>
    <t>DESPESAS PREVIDENCIÁRIAS - RPPS (FUNDO EM CAPITALIZAÇÃO)</t>
  </si>
  <si>
    <t>Dotação Atualizada (c)</t>
  </si>
  <si>
    <t>Despesas Empenhadas até o Bimestre (d)</t>
  </si>
  <si>
    <t>Despesas Liquidadas até o Bimestre (e)</t>
  </si>
  <si>
    <t>Despesas Pagas Até o Bimestre (f)</t>
  </si>
  <si>
    <t>Inscritas em Restos a Pagar Não Processadas No Exercício (g)</t>
  </si>
  <si>
    <t>Benefícios</t>
  </si>
  <si>
    <t xml:space="preserve">   Aposentadorias</t>
  </si>
  <si>
    <t xml:space="preserve">   Pensões por Morte</t>
  </si>
  <si>
    <t>Outras Despesas Previdenciárias</t>
  </si>
  <si>
    <t xml:space="preserve">   Demais Despesas Previdenciárias</t>
  </si>
  <si>
    <t>TOTAL DAS DESPESAS DO FUNDO EM CAPITALIZAÇÃO (V)</t>
  </si>
  <si>
    <t>RESULTADO PREVIDENCIÁRIO - FUNDO EM CAPITALIZAÇÃO (VI) = (IV – V)²</t>
  </si>
  <si>
    <t>RECURSOS RPPS ARRECADADOS EM EXERCÍCIOS ANTERIORES</t>
  </si>
  <si>
    <t>Previsão Orçamentária</t>
  </si>
  <si>
    <t>VALOR</t>
  </si>
  <si>
    <t>RESERVA ORÇAMENTÁRIA DO RPPS</t>
  </si>
  <si>
    <t>APORTES DE RECURSOS PARA O FUNDO EM CAPITALIZAÇÃ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 (FUNDO EM CAPITALIZAÇÃO)</t>
  </si>
  <si>
    <t>Saldo Atual</t>
  </si>
  <si>
    <t>Caixa e Equivalentes de Caixa</t>
  </si>
  <si>
    <t>Investimentos e Aplicações</t>
  </si>
  <si>
    <t>Outros Bens e Direitos</t>
  </si>
  <si>
    <t>RECEITAS PREVIDENCIÁRIAS - RPPS (FUNDO EM REPARTIÇÃO)</t>
  </si>
  <si>
    <t>RECEITAS CORRENTES (VII)</t>
  </si>
  <si>
    <t xml:space="preserve">   Receita de Contribuições dos Segurados </t>
  </si>
  <si>
    <t xml:space="preserve">      Ativo </t>
  </si>
  <si>
    <t xml:space="preserve">      Inativo </t>
  </si>
  <si>
    <t xml:space="preserve">      Pensionista </t>
  </si>
  <si>
    <t xml:space="preserve">   Receita de Contribuições Patronais 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Financeira entre os regime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DO FUNDO EM REPARTIÇÃO (IX) = (VII + VIII)</t>
  </si>
  <si>
    <t>DESPESAS PREVIDENCIÁRIAS - RPPS (FUNDO EM REPARTIÇÃO)</t>
  </si>
  <si>
    <t xml:space="preserve">   Aposentadorias </t>
  </si>
  <si>
    <t>TOTAL DAS DESPESAS DO FUNDO EM REPARTIÇÃO (X)</t>
  </si>
  <si>
    <t>RESULTADO PREVIDENCIÁRIO - FUNDO EM REPARTIÇÃO (IX) = (VII - VIII)²</t>
  </si>
  <si>
    <t>RESULTADO PREVIDENCIÁRIO - FUNDO EM REPARTIÇÃO (XI) = (IX – X)²</t>
  </si>
  <si>
    <t>APORTES DE RECURSOS PARA O FUNDO EM REPARTIÇÃO DO RPPS</t>
  </si>
  <si>
    <t>Recursos para Cobertura de Insuficiências Financeiras</t>
  </si>
  <si>
    <t>Recursos para Formação de Reserva</t>
  </si>
  <si>
    <t>BENS E DIREITOS DO RPPS (FUNDO EM REPARTIÇÃO)</t>
  </si>
  <si>
    <t>RECEITAS DA ADMINISTRAÇÃO - RPPS</t>
  </si>
  <si>
    <t>Receitas Correntes</t>
  </si>
  <si>
    <t>TOTAL DAS RECEITAS DA ADMINISTRAÇÃO RPPS  (XII)</t>
  </si>
  <si>
    <t>DESPESAS DA ADMINISTRAÇÃO - RPPS</t>
  </si>
  <si>
    <t>Despesas Correntes (XIII)</t>
  </si>
  <si>
    <t xml:space="preserve">   Pessoal e Encargos Sociais</t>
  </si>
  <si>
    <t xml:space="preserve">   Demais Despesas Correntes</t>
  </si>
  <si>
    <t>Despesas de Capital (XIV)</t>
  </si>
  <si>
    <t>TOTAL DAS DESPESAS DA ADMINISTRAÇÃO RPPS (XV) = (XIII + XIV)</t>
  </si>
  <si>
    <t>RESULTADO DA ADMINISTRAÇÃO RPPS (XVI) = (XII – XV)²</t>
  </si>
  <si>
    <t>BENS E DIREITOS - ADMINISTRAÇÃO DO RPPS</t>
  </si>
  <si>
    <t>RECEITAS PREVIDENCIÁRIAS (BENEFÍCIOS MANTIDOS PELO TESOURO)</t>
  </si>
  <si>
    <t xml:space="preserve">Contribuições dos Servidores </t>
  </si>
  <si>
    <t xml:space="preserve">Demais Receitas Previdenciárias </t>
  </si>
  <si>
    <t>TOTAL DAS RECEITAS  (BENEFÍCIOS MANTIDOS PELO TESOURO) (XVII)</t>
  </si>
  <si>
    <t>DESPESAS PREVIDENCIÁRIAS (BENEFÍCIOS MANTIDOS PELO TESOURO)</t>
  </si>
  <si>
    <t xml:space="preserve">Aposentadorias </t>
  </si>
  <si>
    <t>Pensões</t>
  </si>
  <si>
    <t>TOTAL DAS DESPESAS (BENEFÍCIOS MANTIDOS PELO TESOURO) (XVIII)</t>
  </si>
  <si>
    <t>RESULTADO DOS BENEFÍCIOS MANTIDOS PELO TESOURO (XIX) = (XVII - XVIII)²</t>
  </si>
  <si>
    <t>RECEITAS DE CONTRIBUIÇÃO DOS MILITARES</t>
  </si>
  <si>
    <t>Contribuição sobre a remuneração dos militares ativos</t>
  </si>
  <si>
    <t>Contribuição sobre a remuneração dos militares inativos</t>
  </si>
  <si>
    <t xml:space="preserve">Contribuição sobre a remuneração dos pensionistas </t>
  </si>
  <si>
    <t>Outras contribuições</t>
  </si>
  <si>
    <t>TOTAL DAS CONTRIBUIÇÕES DOS MILITARES (XX)</t>
  </si>
  <si>
    <t>DESPESAS COM INATIVOS E PENSIONISTAS MILITARES</t>
  </si>
  <si>
    <t>Inatividade</t>
  </si>
  <si>
    <t>Outras Despesas</t>
  </si>
  <si>
    <t xml:space="preserve">TOTAL DAS DESPESAS COM INATIVOS E PENSIONISTAS MILITARES (XXI) </t>
  </si>
  <si>
    <t>RESULTADO ASSOCIADO ÀS PENSÕES E AOS INATIVOS MILITARES (XXII) = (XX–XXI)²</t>
  </si>
  <si>
    <t>DEMONSTRATIVO DO RESULTADO PRIMÁRIO E NOMINAL</t>
  </si>
  <si>
    <t>RREO - Anexo 6 (LRF, art 53, inciso III)</t>
  </si>
  <si>
    <t>RECEITAS PRIMÁRIAS</t>
  </si>
  <si>
    <t>Previsão Atualizada</t>
  </si>
  <si>
    <t>Até o Bimestre 2022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otação Atualizada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21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   (-) Depósitos Restituíveis e Valores Vinculados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2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MONSTRATIVO DOS RESTOS A PAGAR POR PODER E ÓRGÃO</t>
  </si>
  <si>
    <t>RREO - Anexo 7 (LRF, art. 53, inciso V)</t>
  </si>
  <si>
    <t>Poder / Órgão</t>
  </si>
  <si>
    <t>Restos a Pagar Processados</t>
  </si>
  <si>
    <t>Inscritos em Exercícios Anteriores (a)</t>
  </si>
  <si>
    <t>Inscritos Em 31 de Dezembro de 2021 (b)</t>
  </si>
  <si>
    <t>Pagos (c)</t>
  </si>
  <si>
    <t>Cancelados (d)</t>
  </si>
  <si>
    <t>Saldo e=(a+b)-(c+d)</t>
  </si>
  <si>
    <t>Restos a Pagar Não Processados</t>
  </si>
  <si>
    <t>Inscritos em Exercícios Anteriores (f)</t>
  </si>
  <si>
    <t>Inscritos Em 31 de Dezembro de 2021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</t>
  </si>
  <si>
    <t>RREO - Anexo 8 (LDB, art. 72)</t>
  </si>
  <si>
    <t>RECEITA RESULTANTE DE IMPOSTOS</t>
  </si>
  <si>
    <t>1- RECEITA DE IMPOSTOS</t>
  </si>
  <si>
    <t xml:space="preserve">       1.1- Receita Resultante do Imposto sobre a Circulação de Mercadorias e Serviços de Transporte Interestadual e Intermunicipal e de Comunicação – ICMS</t>
  </si>
  <si>
    <t xml:space="preserve">             1.1.1- ICMS - Principal e Encargos (Multas, Juros de Mora, Divida Ativa e Outros Encargos do ICMS)</t>
  </si>
  <si>
    <t xml:space="preserve">             1.1.2- Adicional de até 2% do ICMS destinado ao Fundo de Combate à Pobreza (ADCT, art. 82, §1º)</t>
  </si>
  <si>
    <t xml:space="preserve">       1.2- Receita Resultante do Imposto de Transmissão Causa Mortis e Doação de Bens e Direitos – ITCD</t>
  </si>
  <si>
    <t xml:space="preserve">       1.3- Receita Resultante do Imposto sobre a Propriedade de Veículos Automotores – IPVA</t>
  </si>
  <si>
    <t xml:space="preserve">       1.4- Receita Resultante do Imposto sobre a Renda e Proventos de Qualquer Natureza Retido na Fonte – IRRF</t>
  </si>
  <si>
    <t xml:space="preserve">2- RECEITA DE TRANSFERÊNCIAS CONSTITUCIONAIS E LEGAIS </t>
  </si>
  <si>
    <t xml:space="preserve">       2.1- Cota-Parte FPE </t>
  </si>
  <si>
    <t xml:space="preserve">       2.2- Cota-Parte IPI-Exportação </t>
  </si>
  <si>
    <t xml:space="preserve">       2.3- Cota-Parte IOF-Ouro </t>
  </si>
  <si>
    <t xml:space="preserve">       2.4- Compensações Financeiras Provenientes de Impostos e Transferências Constitucionais</t>
  </si>
  <si>
    <t>3- DEDUÇÕES DE TRANSFERÊNCIAS CONSTITUCIONAIS AOS MUNICÍPIOS</t>
  </si>
  <si>
    <t xml:space="preserve">       3.1- PARCELA DO ICMS REPASSADA AOS MUNICÍPIOS (25% de 1.1.1)</t>
  </si>
  <si>
    <t xml:space="preserve">       3.2- PARCELA DO IPVA REPASSADA AOS MUNICÍPIOS (50% de 1.3)</t>
  </si>
  <si>
    <t xml:space="preserve">       3.3- PARCELA DA COTA-PARTE DO IPI-EXPORTAÇÃO REPASSADA AOS MUNICÍPIOS (25% de 2.2)</t>
  </si>
  <si>
    <t>4- TOTAL DA RECEITA LÍQUIDA RESULTANTE DE IMPOSTOS (1 + 2 - 3)</t>
  </si>
  <si>
    <t>5- TOTAL DESTINADO AO FUNDEB - 20% DE ((1.1 - 3.1) + (1.2) + (1.3 - 3.2) + (2.1) + (2.2 - 3.3))</t>
  </si>
  <si>
    <t>6- VALOR MÍNIMO A SER APLICADO ALÉM DO VALOR DESTINADO AO FUNDEB - 5% DE ((1.1 - 3.1) + (1.2) + (1.3 - 3.2) + (2.1) + (2.2 - 3.3)) + 25% DE (1.4 + 2.3 + 2.4)</t>
  </si>
  <si>
    <t>RECEITAS RECEBIDAS DO FUNDEB NO EXERCÍCIO</t>
  </si>
  <si>
    <t>7- RECEITAS RECEBIDAS DO FUNDEB</t>
  </si>
  <si>
    <t xml:space="preserve">    7.1- FUNDEB - Impostos e Transferências de Impostos</t>
  </si>
  <si>
    <t xml:space="preserve">          7.1.1- Principal</t>
  </si>
  <si>
    <t xml:space="preserve">          7.1.2- Rendimentos de Aplicação Financeira</t>
  </si>
  <si>
    <t xml:space="preserve">    7.2- FUNDEB - Complementação da União - VAAF</t>
  </si>
  <si>
    <t xml:space="preserve">          7.2.1- Principal</t>
  </si>
  <si>
    <t xml:space="preserve">          7.2.2- Rendimentos de Aplicação Financeira</t>
  </si>
  <si>
    <t xml:space="preserve">    7.3- FUNDEB - Complementação da União - VAAT</t>
  </si>
  <si>
    <t xml:space="preserve">          7.3.1- Principal</t>
  </si>
  <si>
    <t xml:space="preserve">          7.3.2- Rendimentos de Aplicação Financeira</t>
  </si>
  <si>
    <t>8- RESULTADO LÍQUIDO DAS TRANSFERÊNCIAS DO FUNDEB (7.1.1 – 5)¹</t>
  </si>
  <si>
    <t>RECURSOS RECEBIDOS EM EXERCÍCIOS ANTERIORES E NÃO UTILIZADOS (SUPERÁVIT)</t>
  </si>
  <si>
    <t>9- TOTAL DOS RECURSOS DE SUPERÁVIT</t>
  </si>
  <si>
    <t xml:space="preserve">  9.1- SUPERÁVIT DO EXERCÍCIO IMEDIATAMENTE ANTERIOR</t>
  </si>
  <si>
    <t xml:space="preserve">  9.2- SUPERÁVIT RESIDUAL DE OUTROS EXERCÍCIOS</t>
  </si>
  <si>
    <t>10- TOTAL DOS RECURSOS DO FUNDEB DISPONÍVEIS PARA UTILIZAÇÃO (7 + 9)</t>
  </si>
  <si>
    <t>DESPESAS COM RECURSOS DO FUNDEB (POR ÁREA DE ATUAÇÃO)6</t>
  </si>
  <si>
    <t>Inscritas em Restos a Pagar Não Processados (g)</t>
  </si>
  <si>
    <t>11- PROFISSIONAIS DA EDUCAÇÃO BÁSICA</t>
  </si>
  <si>
    <t xml:space="preserve">      11.1- Ensino Fundamental </t>
  </si>
  <si>
    <t xml:space="preserve">      11.2- Ensino Médio </t>
  </si>
  <si>
    <t>12- OUTRAS DESPESAS</t>
  </si>
  <si>
    <t xml:space="preserve">      12.1- Ensino Fundamental </t>
  </si>
  <si>
    <t xml:space="preserve">      12.2- Ensino Médio</t>
  </si>
  <si>
    <t>13- TOTAL DAS DESPESAS COM RECURSOS DO FUNDEB (11 + 12)</t>
  </si>
  <si>
    <t>DESPESAS CUSTEADAS COM RECEITAS DO FUNDEB RECEBIDAS NO EXERCÍCIO</t>
  </si>
  <si>
    <t>Inscritas Em Restos A Pagar Não Processados (Sem Disponibilidade de Caixa)7 (h)</t>
  </si>
  <si>
    <t>14- Total das Despesas do FUNDEB com Profissionais da Educação Básica</t>
  </si>
  <si>
    <t>15- Total das Despesas custeadas com FUNDEB - Impostos e Transferências de Impostos</t>
  </si>
  <si>
    <t>16- Total das Despesas custeadas com FUNDEB - Complementação da União - VAAF</t>
  </si>
  <si>
    <t>17- Total das Despesas custeadas com FUNDEB - Complementação da União - VAAT</t>
  </si>
  <si>
    <t>18- Total das Despesas custeadas com FUNDEB - Complementação da União - VAAT Aplicadas em Despesa de Capital</t>
  </si>
  <si>
    <t>INDICADORES - ART. 212-A, INCISO XI E § 3º - CONSTITUIÇÃO FEDERAL2</t>
  </si>
  <si>
    <t>Valor Exigido (i)</t>
  </si>
  <si>
    <t>Valor Aplicado (j)</t>
  </si>
  <si>
    <t>Valor Considerado Após Deduções (k)</t>
  </si>
  <si>
    <t>% Aplicado (l)</t>
  </si>
  <si>
    <t>19- Mínimo de 70% do FUNDEB na Remuneração dos Profissionais da Educação Básica</t>
  </si>
  <si>
    <t>20- Mínimo de 15% da Complementação da União ao FUNDEB - VAAT em Despesas de Capital</t>
  </si>
  <si>
    <t>INDICADOR - ART.25, § 3º - LEI Nº 14.113, DE 2020 - (MÁXIMO DE 10% DE SUPERÁVIT)3</t>
  </si>
  <si>
    <t>Valor Máximo Permitido (m)</t>
  </si>
  <si>
    <t>Valor Não Aplicado (n)</t>
  </si>
  <si>
    <t>Valor Não Aplicado Após Ajuste (o)</t>
  </si>
  <si>
    <t>% Não Aplicado (p)</t>
  </si>
  <si>
    <t xml:space="preserve">21- Total da Receita Recebida e não Aplicada no Exercício </t>
  </si>
  <si>
    <t>INDICADOR - ART.25, § 3º - LEI Nº 14.113, DE 2020 - (APLICAÇÃO DO SUPERÁVIT DE EXERCÍCIO ANTERIOR)3</t>
  </si>
  <si>
    <t>Valor de Superávit Permitido No Exercício 2021 (q)</t>
  </si>
  <si>
    <t>Valor Não Aplicado No Exercício 2021 (r)</t>
  </si>
  <si>
    <t>Valor de Superávit Aplicado Até o Primeiro Quadrimestre (s)</t>
  </si>
  <si>
    <t>Valor Aplicado Até o Primeiro Quadrimestre Que Integrará o Limite Constitucional (t)</t>
  </si>
  <si>
    <t>Valor Aplicado Após o Primeiro Quadrimestre (u)</t>
  </si>
  <si>
    <t>VALOR NÃO APLICADO (v) = (r) - (s) - (u)</t>
  </si>
  <si>
    <t>22- Total das Despesas custeadas com Superávit do FUNDEB</t>
  </si>
  <si>
    <t xml:space="preserve">   22.1- Total das Despesas custeadas com FUNDEB - Impostos e Transferências de Impostos</t>
  </si>
  <si>
    <t xml:space="preserve">   22.2- Total das Despesas custeadas com FUNDEB - Complementação da União (VAAF + VAAT)</t>
  </si>
  <si>
    <t>DESPESAS COM AÇÕES TÍPICAS DE MDE - RECEITAS DE IMPOSTOS - EXCETO FUNDEB (POR ÁREA DE ATUAÇÃO)6</t>
  </si>
  <si>
    <t>23- EDUCAÇÃO INFANTIL</t>
  </si>
  <si>
    <t xml:space="preserve">      23.1- Creche</t>
  </si>
  <si>
    <t xml:space="preserve">      23.2- Pré-escola</t>
  </si>
  <si>
    <t xml:space="preserve">24- ENSINO FUNDAMENTAL </t>
  </si>
  <si>
    <t xml:space="preserve">25- ENSINO MÉDIO </t>
  </si>
  <si>
    <t>26- ENSINO SUPERIOR</t>
  </si>
  <si>
    <t>27- ENSINO PROFISSIONAL NÃO INTEGRADO AO ENSINO REGULAR</t>
  </si>
  <si>
    <t>28- TOTAL DAS DESPESAS COM AÇÕES TÍPICAS DE MDE (23 + 24 + 25 + 26 + 27)</t>
  </si>
  <si>
    <t>APURAÇÃO DAS DESPESAS PARA FINS DE LIMITE MÍNIMO CONSTITUCIONAL</t>
  </si>
  <si>
    <t>29- TOTAL DAS DESPESAS DE MDE CUSTEADAS COM RECURSOS DE IMPOSTOS (FUNDEB E RECEITA DE IMPOSTOS) = (L15(d ou e) + L28(d ou e) + L22.1(t))</t>
  </si>
  <si>
    <t>30 (-) RESULTADO LÍQUIDO DAS TRANSFERÊNCIAS DO FUNDEB = (L8)</t>
  </si>
  <si>
    <t>31 (-) RESTOS A PAGAR NÃO PROCESSADOS INSCRITOS NO EXERCÍCIO SEM DISPONIBILIDADE FINANCEIRA DE RECURSOS DO FUNDEB IMPOSTOS4 = (L15h)</t>
  </si>
  <si>
    <t>32 (-) RESTOS A PAGAR NÃO PROCESSADOS INSCRITOS NO EXERCÍCIO SEM DISPONIBILIDADE FINANCEIRA DE RECURSOS DE IMPOSTOS4 e 7</t>
  </si>
  <si>
    <t xml:space="preserve">33 (-) CANCELAMENTO, NO EXERCÍCIO, DE RESTOS A PAGAR INSCRITOS COM DISPONIBILIDADE FINANCEIRA DE RECURSOS DE IMPOSTOS VINCULADOS AO ENSINO = (L37.1(ac) + L37.2(ac)) </t>
  </si>
  <si>
    <t>35- TOTAL DAS DESPESAS PARA FINS DE LIMITE  (29 – (30 + 31 + 32 + 33))</t>
  </si>
  <si>
    <t>APURAÇÃO DO LIMITE MÍNIMO CONSTITUCIONAL2 E 5</t>
  </si>
  <si>
    <t>Valor Exigido (x)</t>
  </si>
  <si>
    <t>Valor Aplicado (w)</t>
  </si>
  <si>
    <t>% Aplicado (y)</t>
  </si>
  <si>
    <t>36- APLICAÇÃO EM MDE SOBRE A RECEITA LÍQUIDA RESULTANTE DE IMPOSTOS</t>
  </si>
  <si>
    <t>RESTOS A PAGAR INSCRITOS EM EXERCÍCIOS ANTERIORES COM DISPONIBILIDADE FINANCEIRA DE RECURSOS DE IMPOSTOS E DO FUNDEB8</t>
  </si>
  <si>
    <t>Saldo Inicial (z)</t>
  </si>
  <si>
    <t>RP Liquidados (aa)</t>
  </si>
  <si>
    <t>RP Pagos (ab)</t>
  </si>
  <si>
    <t>RP Cancelados (ac)</t>
  </si>
  <si>
    <t>SALDO FINAL (ad) = (z) – (ab) – (ac)</t>
  </si>
  <si>
    <t>37- RESTOS A PAGAR DE DESPESAS COM MDE</t>
  </si>
  <si>
    <t xml:space="preserve">   37.1 - Executadas com Recursos de Impostos e Transferências de Impostos</t>
  </si>
  <si>
    <t xml:space="preserve">   37.2 - Executadas com Recursos do FUNDEB - Impostos</t>
  </si>
  <si>
    <t xml:space="preserve">   37.3 - Executadas com Recursos do FUNDEB - Complementação da União (VAAT + VAAF)</t>
  </si>
  <si>
    <t>RECEITAS ADICIONAIS PARA FINANCIAMENTO DO ENSINO</t>
  </si>
  <si>
    <t>38- RECEITA DE TRANSFERÊNCIAS DO FNDE (INCLUINDO RENDIMENTOS DE APLICAÇÃO FINANCEIRA)</t>
  </si>
  <si>
    <t xml:space="preserve">       38.1- Salário-Educação</t>
  </si>
  <si>
    <t xml:space="preserve">       38.2- PDDE</t>
  </si>
  <si>
    <t xml:space="preserve">       38.3- PNAE</t>
  </si>
  <si>
    <t xml:space="preserve">       38.4 - PNATE</t>
  </si>
  <si>
    <t xml:space="preserve">       38.5- Outras Transferências do FNDE</t>
  </si>
  <si>
    <t>39- RECEITA DE TRANSFERÊNCIAS DE CONVÊNIOS</t>
  </si>
  <si>
    <t>40- RECEITA DE ROYALTIES DESTINADOS À EDUCAÇÃO</t>
  </si>
  <si>
    <t>41- RECEITA DE OPERAÇÕES DE CRÉDITO VINCULADAS À EDUCAÇÃO</t>
  </si>
  <si>
    <t>42- OUTRAS RECEITAS PARA FINANCIAMENTO DO ENSINO</t>
  </si>
  <si>
    <t>43- TOTAL DAS RECEITAS ADICIONAIS PARA FINANCIAMENTO DO ENSINO = (38 + 39 + 40 + 41 + 42)</t>
  </si>
  <si>
    <t>OUTRAS DESPESAS COM EDUCAÇÃO (POR ÁREA DE ATUAÇÃO)6</t>
  </si>
  <si>
    <t>44- EDUCAÇÃO INFANTIL</t>
  </si>
  <si>
    <t xml:space="preserve">      44.1- Creche</t>
  </si>
  <si>
    <t xml:space="preserve">      44.2- Pré-escola</t>
  </si>
  <si>
    <t xml:space="preserve">45- ENSINO FUNDAMENTAL </t>
  </si>
  <si>
    <t xml:space="preserve">46- ENSINO MÉDIO </t>
  </si>
  <si>
    <t>47- ENSINO SUPERIOR</t>
  </si>
  <si>
    <t>48- ENSINO PROFISSIONAL NÃO INTEGRADO AO ENSINO REGULAR</t>
  </si>
  <si>
    <t>49- TOTAL DAS DESPESAS CUSTEADAS COM RECEITAS ADICIONAIS PARA FINANCIAMENTO DO ENSINO (44 + 45 + 46 + 47 + 48)</t>
  </si>
  <si>
    <t>TOTAL GERAL DAS DESPESAS COM EDUCAÇÃO</t>
  </si>
  <si>
    <t>50- TOTAL GERAL DAS DESPESAS COM EDUCAÇÃO (13 + 28 + 49)</t>
  </si>
  <si>
    <t xml:space="preserve">   50.1- Despesas Correntes</t>
  </si>
  <si>
    <t xml:space="preserve">         50.1.1 - Pessoal Ativo</t>
  </si>
  <si>
    <t xml:space="preserve">         50.1.2 - Pessoal Inativo</t>
  </si>
  <si>
    <t xml:space="preserve">         50.1.3 -Transferências às instituições comunitárias, confessionais ou filantrópicas sem fins lucrativos</t>
  </si>
  <si>
    <t xml:space="preserve">         50.1.4 -Outras Despesas Correntes</t>
  </si>
  <si>
    <t xml:space="preserve">   50.2- Despesas de Capital</t>
  </si>
  <si>
    <t xml:space="preserve">         50.2.1 -Transferências às instituições comunitárias, confessionais ou filantrópicas sem fins lucrativos</t>
  </si>
  <si>
    <t xml:space="preserve">         50.2.2 -Outras Despesas de Capital</t>
  </si>
  <si>
    <t>CONTROLE DA DISPONIBILIDADE FINANCEIRA E CONCILIAÇÃO BANCÁRIA</t>
  </si>
  <si>
    <t>FUNDEB (ae)</t>
  </si>
  <si>
    <t>Salário Educação (af)</t>
  </si>
  <si>
    <t xml:space="preserve">   51- DISPONIBILIDADE FINANCEIRA EM 31 DE DEZEMBRO DE 2021</t>
  </si>
  <si>
    <t xml:space="preserve">   52- (+) INGRESSO DE RECURSOS ATÉ O BIMESTRE (orçamentário)</t>
  </si>
  <si>
    <t xml:space="preserve">   53- (-) PAGAMENTOS EFETUADOS ATÉ O BIMESTRE (orçamentário e restos a pagar)</t>
  </si>
  <si>
    <t>54- (=) DISPONIBILIDADE FINANCEIRA ATÉ O BIMESTRE</t>
  </si>
  <si>
    <t>55- (+) AJUSTES POSITIVOS ( RETENÇÕES E OUTROS VALORES EXTRAORÇAMENTÁRIOS)</t>
  </si>
  <si>
    <t>56- (-) AJUSTES NEGATIVOS (OUTROS VALORES EXTRAORÇAMENTÁRIOS)</t>
  </si>
  <si>
    <t>57- (=) SALDO FINANCEIRO CONCILIADO (Saldo Bancário)</t>
  </si>
  <si>
    <t>DEMONSTRATIVO DA DESPESA COM MANUTENÇÃO E DESENVOLVIMENTO DO ENSINO – MDE EXECUTADA EM CONSÓRCIO PÚBLICO</t>
  </si>
  <si>
    <t>RREO - Anexo 8.1 (Portaria STN nº 72/2012, art. 11, II, b)</t>
  </si>
  <si>
    <t>DESPESAS COM EDUCAÇÃO EXECUTADAS EM CONSÓRCIO PÚBLICO</t>
  </si>
  <si>
    <t>Valores Transferidos por Contrato de Rateio (a)</t>
  </si>
  <si>
    <t>Despesas Empenhadas Até o Bimestre (b)</t>
  </si>
  <si>
    <t>Despesas Liquidadas até o Bimestre (c)</t>
  </si>
  <si>
    <t>Despesas Pagas Até o Bimestre (d)</t>
  </si>
  <si>
    <t>Inscritas em Restos a Pagar Não Processados (e)</t>
  </si>
  <si>
    <t>EDUCAÇÃO INFANTIL (I)</t>
  </si>
  <si>
    <t xml:space="preserve">       Despesas com MDE Custeadas com Recursos do FUNDEB - Impostos e Transferências de Impostos</t>
  </si>
  <si>
    <t xml:space="preserve">       Despesas com MDE Custeadas com Recursos do FUNDEB - Complementação da União - VAAF</t>
  </si>
  <si>
    <t xml:space="preserve">       Despesas com MDE Custeadas com Recursos do FUNDEB - Complementação da União - VAAT</t>
  </si>
  <si>
    <t xml:space="preserve">       Despesas com MDE Custeadas com Outros Receitas de Impostos</t>
  </si>
  <si>
    <t xml:space="preserve">       Despesas com MDE Custeadas com outros Recursos destinados à Educação</t>
  </si>
  <si>
    <t>ENSINO FUNDAMENTAL (II)</t>
  </si>
  <si>
    <t xml:space="preserve">       Despesas Custeadas com outros Recursos destinados à Educação</t>
  </si>
  <si>
    <t>ENSINO MÉDIO (III)</t>
  </si>
  <si>
    <t>ENSINO SUPERIOR (IV)</t>
  </si>
  <si>
    <t>ENSINO PROFISSIONAL NÃO INTEGRADO AO ENSINO REGULAR (V)</t>
  </si>
  <si>
    <t>TOTAL DAS DESPESAS COM EDUCAÇÃO VII = (I + II + III + IV + V)</t>
  </si>
  <si>
    <t>DEMONSTRATIVO DAS RECEITAS E DESPESAS COM AÇÕES E SERVIÇOS PÚBLICOS DE SAÚDE</t>
  </si>
  <si>
    <t>RREO - Anexo 12 (LC n° 141/2012 art.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2 (saldo final = XXd)</t>
  </si>
  <si>
    <t>Diferença de limite não cumprido em 2021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II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2 (regra nova)</t>
  </si>
  <si>
    <t>Empenhos de 2021 (regra nova)</t>
  </si>
  <si>
    <t>Empenhos de 2020 (regra nova)</t>
  </si>
  <si>
    <t>Empenhos de 2019</t>
  </si>
  <si>
    <t>Empenhos de 2018 e Anteriores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2 a serem compensados (XXV) (saldo inicial = XXIV)</t>
  </si>
  <si>
    <t xml:space="preserve"> Restos a pagar cancelados ou prescritos em 2021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DESPESAS COM SAÚDE - ENTE CONSORCIADO</t>
  </si>
  <si>
    <t>RREO - Anexo 12.1 (LC nº 141/2012, art. 35 e Portaria STN nº 72/2012, Art. 11, II, b.)</t>
  </si>
  <si>
    <t>DESPESAS COM AÇÕES E SERVIÇOS PÚBLICOS DE SAÚDE (ASPS) –  POR SUBFUNÇÃO E CATEGORIA ECONÔMICA EXECUTADAS EM CONSÓRCIO PÚBLICO</t>
  </si>
  <si>
    <t>% (c/a) x 100</t>
  </si>
  <si>
    <t>% (d/a) x 100</t>
  </si>
  <si>
    <t>ATENÇÃO BÁSICA  (I)</t>
  </si>
  <si>
    <t xml:space="preserve">   Despesas Correntes</t>
  </si>
  <si>
    <t xml:space="preserve">   Despesas de Capital</t>
  </si>
  <si>
    <t>ASSISTÊNCIA HOSPITALAR E AMBULATORIAL  (II)</t>
  </si>
  <si>
    <t xml:space="preserve">   Despesas de Capital </t>
  </si>
  <si>
    <t>SUPORTE PROFILÁTICO E TERAPÊUTICO  (III)</t>
  </si>
  <si>
    <t>VIGILÂNCIA SANITÁRIA  (IV)</t>
  </si>
  <si>
    <t>VIGILÂNCIA EPIDEMIOLÓGICA  (V)</t>
  </si>
  <si>
    <t>ALIMENTAÇÃO E NUTRIÇÃO   (VI)</t>
  </si>
  <si>
    <t xml:space="preserve">   Despesas Correntes </t>
  </si>
  <si>
    <t>OUTRAS SUBFUNÇÕES (VII)</t>
  </si>
  <si>
    <t>TOTAL DAS DESPESAS COM ASPS EXECUTADAS EM CONSÓRCIO PÚBLICO (VIII) = (I + II + III + IV + V + VI + VII)</t>
  </si>
  <si>
    <t>DEDUÇÕES DA DESPESA COM ASPS</t>
  </si>
  <si>
    <t>Restos a Pagar Não Processados Inscritos Indevidamente no Exercício sem Disponibilidade Financeira (IX)</t>
  </si>
  <si>
    <t>Despesas Custeadas com Recursos Vinculados à Parcela do Percentual Mínimo que não foi Aplicada em ASPS em Exercícios Anteriores (X)</t>
  </si>
  <si>
    <t>Despesas Custeadas com Disponibilidade de Caixa Vinculada aos Restos a Pagar Cancelados (XI)</t>
  </si>
  <si>
    <t>VALOR APLICADO EM ASPS (XII) = (VIII - IX - X - XI)</t>
  </si>
  <si>
    <t>DEMONSTRATIVO DAS PARCERIAS PÚBLICO-PRIVADAS</t>
  </si>
  <si>
    <t>RREO - Anexo 13 (Lei nº 11.079, de 30.12.2004, arts. 22, 25 e 28)</t>
  </si>
  <si>
    <t>IMPACTOS DAS CONTRATAÇÕES DE PPP</t>
  </si>
  <si>
    <t>SALDO TOTAL EM 31 DE DEZEMBRO DO EXERCÍCIO ANTERIOR</t>
  </si>
  <si>
    <t>SALDO FINAL</t>
  </si>
  <si>
    <t xml:space="preserve">Até o Bimestre 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3</t>
  </si>
  <si>
    <t>Ano 2024</t>
  </si>
  <si>
    <t>Ano 2025</t>
  </si>
  <si>
    <t>Ano 2026</t>
  </si>
  <si>
    <t>Ano 2027</t>
  </si>
  <si>
    <t>Ano 2028</t>
  </si>
  <si>
    <t>Ano 2029</t>
  </si>
  <si>
    <t>Ano 2030</t>
  </si>
  <si>
    <t>Ano 2031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>RREO - Anexo 14 (LRF, art. 48)</t>
  </si>
  <si>
    <t>Até o Bimestre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 E DO SISTEMA DE PROTEÇÃO SOCIAL DOS MILITARES</t>
  </si>
  <si>
    <t>Fundo em Capitalização (PLANO PREVIDENCIÁRIO)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Despesas Previdenciárias Pagas</t>
  </si>
  <si>
    <t xml:space="preserve">    Resultado Previdenciário</t>
  </si>
  <si>
    <t>Fundo em Repartição (PLANO FINANCEIRO)</t>
  </si>
  <si>
    <t>Sistema de Proteção Social dos Militares - Inativos e Pensionistas</t>
  </si>
  <si>
    <t xml:space="preserve">    Receitas Realizadas</t>
  </si>
  <si>
    <t xml:space="preserve">    Despesas Empenhadas</t>
  </si>
  <si>
    <t xml:space="preserve">    Despesas Liquidadas</t>
  </si>
  <si>
    <t xml:space="preserve">    Despesas Pagas</t>
  </si>
  <si>
    <t xml:space="preserve">    Resultado Associado às Pensões e aos Inativos Militare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70% do FUNDEB na Remuneração dos Profissionais da Educação Básica;</t>
  </si>
  <si>
    <t>Percentual de 50% da Complementação da União ao FUNDEB (VAAT) na Educação Infantil;</t>
  </si>
  <si>
    <t>Mínimo de 15% da Complementação da União ao FUNDEB (VAAT) em Despesas de Capital.</t>
  </si>
  <si>
    <t>RECEITAS DE OPERAÇÕES DE CRÉDITO E DESPESAS DE CAPITAL</t>
  </si>
  <si>
    <t>Valor Apurado No Exercício</t>
  </si>
  <si>
    <t>Saldo Não Realizado</t>
  </si>
  <si>
    <t>Receitas de Operações de Crédito</t>
  </si>
  <si>
    <t>Despesa de Capital Líquida</t>
  </si>
  <si>
    <t>PROJEÇÃO ATUARIAL DOS REGIMES DE PREVIDÊNCIA E DO SISTEMA DE PROTEÇÃO SOCIAL DOS MILITARES</t>
  </si>
  <si>
    <t>Exercício</t>
  </si>
  <si>
    <t>10º Exercício</t>
  </si>
  <si>
    <t>20º Exercício</t>
  </si>
  <si>
    <t>35º Exercício</t>
  </si>
  <si>
    <t>Fundo em Capitalização (Plano Previdenciário)</t>
  </si>
  <si>
    <t xml:space="preserve">    Receitas Previdenciárias</t>
  </si>
  <si>
    <t xml:space="preserve">    Despesas Previdenciárias</t>
  </si>
  <si>
    <t>Fundo em Repartição (Plano Financeiro)</t>
  </si>
  <si>
    <t>Pensões e Inativos Militares</t>
  </si>
  <si>
    <t xml:space="preserve">    Receitas de Contribuições</t>
  </si>
  <si>
    <t xml:space="preserve">    Despesas com Pensões e Inativos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19" bestFit="1" customWidth="1"/>
    <col min="7" max="7" width="20.140625" bestFit="1" customWidth="1"/>
    <col min="8" max="8" width="19" bestFit="1" customWidth="1"/>
    <col min="9" max="9" width="20.28515625" bestFit="1" customWidth="1"/>
    <col min="10" max="10" width="20.140625" bestFit="1" customWidth="1"/>
    <col min="11" max="11" width="19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3" t="s">
        <v>17</v>
      </c>
      <c r="B12" s="5" t="s">
        <v>18</v>
      </c>
      <c r="C12" s="11">
        <v>16535787500</v>
      </c>
      <c r="D12" s="11">
        <v>16719260416</v>
      </c>
      <c r="E12" s="11">
        <v>3146468964.7600002</v>
      </c>
      <c r="F12" s="11">
        <v>18.82</v>
      </c>
      <c r="G12" s="11">
        <v>3146468964.7600002</v>
      </c>
      <c r="H12" s="11">
        <v>18.82</v>
      </c>
      <c r="I12" s="11">
        <v>13572791451.24</v>
      </c>
    </row>
    <row r="13" spans="1:11" x14ac:dyDescent="0.25">
      <c r="A13" s="3" t="s">
        <v>19</v>
      </c>
      <c r="B13" s="5" t="s">
        <v>20</v>
      </c>
      <c r="C13" s="11">
        <v>16083394700</v>
      </c>
      <c r="D13" s="11">
        <v>16087520700</v>
      </c>
      <c r="E13" s="11">
        <v>3117682633.8099999</v>
      </c>
      <c r="F13" s="11">
        <v>19.38</v>
      </c>
      <c r="G13" s="11">
        <v>3117682633.8099999</v>
      </c>
      <c r="H13" s="11">
        <v>19.38</v>
      </c>
      <c r="I13" s="11">
        <v>12969838066.190001</v>
      </c>
    </row>
    <row r="14" spans="1:11" x14ac:dyDescent="0.25">
      <c r="A14" s="3" t="s">
        <v>21</v>
      </c>
      <c r="B14" s="5" t="s">
        <v>22</v>
      </c>
      <c r="C14" s="11">
        <v>9285340000</v>
      </c>
      <c r="D14" s="11">
        <v>9285340000</v>
      </c>
      <c r="E14" s="11">
        <v>1713107282.02</v>
      </c>
      <c r="F14" s="11">
        <v>18.45</v>
      </c>
      <c r="G14" s="11">
        <v>1713107282.02</v>
      </c>
      <c r="H14" s="11">
        <v>18.45</v>
      </c>
      <c r="I14" s="11">
        <v>7572232717.9799995</v>
      </c>
    </row>
    <row r="15" spans="1:11" x14ac:dyDescent="0.25">
      <c r="A15" s="2" t="s">
        <v>23</v>
      </c>
      <c r="B15" s="4" t="s">
        <v>24</v>
      </c>
      <c r="C15" s="12">
        <v>8927809600</v>
      </c>
      <c r="D15" s="12">
        <v>8927809600</v>
      </c>
      <c r="E15" s="12">
        <v>1666600211.3900001</v>
      </c>
      <c r="F15" s="12">
        <v>18.670000000000002</v>
      </c>
      <c r="G15" s="12">
        <v>1666600211.3900001</v>
      </c>
      <c r="H15" s="12">
        <v>18.670000000000002</v>
      </c>
      <c r="I15" s="12">
        <v>7261209388.6099997</v>
      </c>
    </row>
    <row r="16" spans="1:11" x14ac:dyDescent="0.25">
      <c r="A16" s="2" t="s">
        <v>25</v>
      </c>
      <c r="B16" s="4" t="s">
        <v>26</v>
      </c>
      <c r="C16" s="12">
        <v>357530400</v>
      </c>
      <c r="D16" s="12">
        <v>357530400</v>
      </c>
      <c r="E16" s="12">
        <v>46507070.630000003</v>
      </c>
      <c r="F16" s="12">
        <v>13.01</v>
      </c>
      <c r="G16" s="12">
        <v>46507070.630000003</v>
      </c>
      <c r="H16" s="12">
        <v>13.01</v>
      </c>
      <c r="I16" s="12">
        <v>311023329.37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30</v>
      </c>
      <c r="C18" s="11">
        <v>700627100</v>
      </c>
      <c r="D18" s="11">
        <v>700627100</v>
      </c>
      <c r="E18" s="11">
        <v>181491291.66</v>
      </c>
      <c r="F18" s="11">
        <v>25.9</v>
      </c>
      <c r="G18" s="11">
        <v>181491291.66</v>
      </c>
      <c r="H18" s="11">
        <v>25.9</v>
      </c>
      <c r="I18" s="11">
        <v>519135808.33999997</v>
      </c>
    </row>
    <row r="19" spans="1:9" x14ac:dyDescent="0.25">
      <c r="A19" s="2" t="s">
        <v>31</v>
      </c>
      <c r="B19" s="4" t="s">
        <v>32</v>
      </c>
      <c r="C19" s="12">
        <v>700627100</v>
      </c>
      <c r="D19" s="12">
        <v>700627100</v>
      </c>
      <c r="E19" s="12">
        <v>181491291.66</v>
      </c>
      <c r="F19" s="12">
        <v>25.9</v>
      </c>
      <c r="G19" s="12">
        <v>181491291.66</v>
      </c>
      <c r="H19" s="12">
        <v>25.9</v>
      </c>
      <c r="I19" s="12">
        <v>519135808.33999997</v>
      </c>
    </row>
    <row r="20" spans="1:9" x14ac:dyDescent="0.25">
      <c r="A20" s="2" t="s">
        <v>33</v>
      </c>
      <c r="B20" s="4" t="s">
        <v>3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5</v>
      </c>
      <c r="B21" s="4" t="s">
        <v>36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7</v>
      </c>
      <c r="B22" s="4" t="s">
        <v>3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9</v>
      </c>
      <c r="B23" s="5" t="s">
        <v>40</v>
      </c>
      <c r="C23" s="11">
        <v>134883500</v>
      </c>
      <c r="D23" s="11">
        <v>134883500</v>
      </c>
      <c r="E23" s="11">
        <v>99493044.180000007</v>
      </c>
      <c r="F23" s="11">
        <v>73.760000000000005</v>
      </c>
      <c r="G23" s="11">
        <v>99493044.180000007</v>
      </c>
      <c r="H23" s="11">
        <v>73.760000000000005</v>
      </c>
      <c r="I23" s="11">
        <v>35390455.82</v>
      </c>
    </row>
    <row r="24" spans="1:9" x14ac:dyDescent="0.25">
      <c r="A24" s="2" t="s">
        <v>41</v>
      </c>
      <c r="B24" s="4" t="s">
        <v>42</v>
      </c>
      <c r="C24" s="12">
        <v>2331100</v>
      </c>
      <c r="D24" s="12">
        <v>2331100</v>
      </c>
      <c r="E24" s="12">
        <v>507766.93</v>
      </c>
      <c r="F24" s="12">
        <v>21.78</v>
      </c>
      <c r="G24" s="12">
        <v>507766.93</v>
      </c>
      <c r="H24" s="12">
        <v>21.78</v>
      </c>
      <c r="I24" s="12">
        <v>1823333.07</v>
      </c>
    </row>
    <row r="25" spans="1:9" x14ac:dyDescent="0.25">
      <c r="A25" s="2" t="s">
        <v>43</v>
      </c>
      <c r="B25" s="4" t="s">
        <v>44</v>
      </c>
      <c r="C25" s="12">
        <v>66710900</v>
      </c>
      <c r="D25" s="12">
        <v>66710900</v>
      </c>
      <c r="E25" s="12">
        <v>79046219.590000004</v>
      </c>
      <c r="F25" s="12">
        <v>118.49</v>
      </c>
      <c r="G25" s="12">
        <v>79046219.590000004</v>
      </c>
      <c r="H25" s="12">
        <v>118.49</v>
      </c>
      <c r="I25" s="12">
        <v>-12335319.59</v>
      </c>
    </row>
    <row r="26" spans="1:9" x14ac:dyDescent="0.25">
      <c r="A26" s="2" t="s">
        <v>45</v>
      </c>
      <c r="B26" s="4" t="s">
        <v>46</v>
      </c>
      <c r="C26" s="12">
        <v>4375600</v>
      </c>
      <c r="D26" s="12">
        <v>4375600</v>
      </c>
      <c r="E26" s="12">
        <v>734181.6</v>
      </c>
      <c r="F26" s="12">
        <v>16.78</v>
      </c>
      <c r="G26" s="12">
        <v>734181.6</v>
      </c>
      <c r="H26" s="12">
        <v>16.78</v>
      </c>
      <c r="I26" s="12">
        <v>3641418.4</v>
      </c>
    </row>
    <row r="27" spans="1:9" x14ac:dyDescent="0.25">
      <c r="A27" s="2" t="s">
        <v>47</v>
      </c>
      <c r="B27" s="4" t="s">
        <v>48</v>
      </c>
      <c r="C27" s="12">
        <v>53038400</v>
      </c>
      <c r="D27" s="12">
        <v>53038400</v>
      </c>
      <c r="E27" s="12">
        <v>11293038.369999999</v>
      </c>
      <c r="F27" s="12">
        <v>21.29</v>
      </c>
      <c r="G27" s="12">
        <v>11293038.369999999</v>
      </c>
      <c r="H27" s="12">
        <v>21.29</v>
      </c>
      <c r="I27" s="12">
        <v>41745361.630000003</v>
      </c>
    </row>
    <row r="28" spans="1:9" x14ac:dyDescent="0.25">
      <c r="A28" s="2" t="s">
        <v>49</v>
      </c>
      <c r="B28" s="4" t="s">
        <v>5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52</v>
      </c>
      <c r="C29" s="12">
        <v>8427500</v>
      </c>
      <c r="D29" s="12">
        <v>8427500</v>
      </c>
      <c r="E29" s="12">
        <v>7911837.6900000004</v>
      </c>
      <c r="F29" s="12">
        <v>93.88</v>
      </c>
      <c r="G29" s="12">
        <v>7911837.6900000004</v>
      </c>
      <c r="H29" s="12">
        <v>93.88</v>
      </c>
      <c r="I29" s="12">
        <v>515662.31</v>
      </c>
    </row>
    <row r="30" spans="1:9" x14ac:dyDescent="0.25">
      <c r="A30" s="2" t="s">
        <v>53</v>
      </c>
      <c r="B30" s="4" t="s">
        <v>54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5</v>
      </c>
      <c r="B31" s="4" t="s">
        <v>5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5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60</v>
      </c>
      <c r="C33" s="11">
        <v>674106600</v>
      </c>
      <c r="D33" s="11">
        <v>674106600</v>
      </c>
      <c r="E33" s="11">
        <v>106298356.26000001</v>
      </c>
      <c r="F33" s="11">
        <v>15.77</v>
      </c>
      <c r="G33" s="11">
        <v>106298356.26000001</v>
      </c>
      <c r="H33" s="11">
        <v>15.77</v>
      </c>
      <c r="I33" s="11">
        <v>567808243.74000001</v>
      </c>
    </row>
    <row r="34" spans="1:9" x14ac:dyDescent="0.25">
      <c r="A34" s="2" t="s">
        <v>61</v>
      </c>
      <c r="B34" s="4" t="s">
        <v>62</v>
      </c>
      <c r="C34" s="12">
        <v>593658800</v>
      </c>
      <c r="D34" s="12">
        <v>593658800</v>
      </c>
      <c r="E34" s="12">
        <v>95105518.920000002</v>
      </c>
      <c r="F34" s="12">
        <v>16.02</v>
      </c>
      <c r="G34" s="12">
        <v>95105518.920000002</v>
      </c>
      <c r="H34" s="12">
        <v>16.02</v>
      </c>
      <c r="I34" s="12">
        <v>498553281.07999998</v>
      </c>
    </row>
    <row r="35" spans="1:9" x14ac:dyDescent="0.25">
      <c r="A35" s="2" t="s">
        <v>63</v>
      </c>
      <c r="B35" s="4" t="s">
        <v>64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</row>
    <row r="36" spans="1:9" x14ac:dyDescent="0.25">
      <c r="A36" s="2" t="s">
        <v>65</v>
      </c>
      <c r="B36" s="4" t="s">
        <v>66</v>
      </c>
      <c r="C36" s="12">
        <v>71437200</v>
      </c>
      <c r="D36" s="12">
        <v>71437200</v>
      </c>
      <c r="E36" s="12">
        <v>9156716.0999999996</v>
      </c>
      <c r="F36" s="12">
        <v>12.82</v>
      </c>
      <c r="G36" s="12">
        <v>9156716.0999999996</v>
      </c>
      <c r="H36" s="12">
        <v>12.82</v>
      </c>
      <c r="I36" s="12">
        <v>62280483.899999999</v>
      </c>
    </row>
    <row r="37" spans="1:9" x14ac:dyDescent="0.25">
      <c r="A37" s="2" t="s">
        <v>67</v>
      </c>
      <c r="B37" s="4" t="s">
        <v>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9</v>
      </c>
      <c r="B38" s="4" t="s">
        <v>70</v>
      </c>
      <c r="C38" s="12">
        <v>9010600</v>
      </c>
      <c r="D38" s="12">
        <v>9010600</v>
      </c>
      <c r="E38" s="12">
        <v>2036121.24</v>
      </c>
      <c r="F38" s="12">
        <v>22.6</v>
      </c>
      <c r="G38" s="12">
        <v>2036121.24</v>
      </c>
      <c r="H38" s="12">
        <v>22.6</v>
      </c>
      <c r="I38" s="12">
        <v>6974478.7599999998</v>
      </c>
    </row>
    <row r="39" spans="1:9" x14ac:dyDescent="0.25">
      <c r="A39" s="3" t="s">
        <v>71</v>
      </c>
      <c r="B39" s="5" t="s">
        <v>72</v>
      </c>
      <c r="C39" s="11">
        <v>5184160300</v>
      </c>
      <c r="D39" s="11">
        <v>5188261300</v>
      </c>
      <c r="E39" s="11">
        <v>990292714.41999996</v>
      </c>
      <c r="F39" s="11">
        <v>19.09</v>
      </c>
      <c r="G39" s="11">
        <v>990292714.41999996</v>
      </c>
      <c r="H39" s="11">
        <v>19.09</v>
      </c>
      <c r="I39" s="11">
        <v>4197968585.5799999</v>
      </c>
    </row>
    <row r="40" spans="1:9" x14ac:dyDescent="0.25">
      <c r="A40" s="2" t="s">
        <v>73</v>
      </c>
      <c r="B40" s="4" t="s">
        <v>74</v>
      </c>
      <c r="C40" s="12">
        <v>1787611600</v>
      </c>
      <c r="D40" s="12">
        <v>1791412600</v>
      </c>
      <c r="E40" s="12">
        <v>409651776.06</v>
      </c>
      <c r="F40" s="12">
        <v>22.87</v>
      </c>
      <c r="G40" s="12">
        <v>409651776.06</v>
      </c>
      <c r="H40" s="12">
        <v>22.87</v>
      </c>
      <c r="I40" s="12">
        <v>1381760823.9400001</v>
      </c>
    </row>
    <row r="41" spans="1:9" x14ac:dyDescent="0.25">
      <c r="A41" s="2" t="s">
        <v>75</v>
      </c>
      <c r="B41" s="4" t="s">
        <v>76</v>
      </c>
      <c r="C41" s="12">
        <v>1017600</v>
      </c>
      <c r="D41" s="12">
        <v>1017600</v>
      </c>
      <c r="E41" s="12">
        <v>930766.77</v>
      </c>
      <c r="F41" s="12">
        <v>91.47</v>
      </c>
      <c r="G41" s="12">
        <v>930766.77</v>
      </c>
      <c r="H41" s="12">
        <v>91.47</v>
      </c>
      <c r="I41" s="12">
        <v>86833.23</v>
      </c>
    </row>
    <row r="42" spans="1:9" x14ac:dyDescent="0.25">
      <c r="A42" s="2" t="s">
        <v>77</v>
      </c>
      <c r="B42" s="4" t="s">
        <v>78</v>
      </c>
      <c r="C42" s="12">
        <v>230000</v>
      </c>
      <c r="D42" s="12">
        <v>530000</v>
      </c>
      <c r="E42" s="12">
        <v>407182.19</v>
      </c>
      <c r="F42" s="12">
        <v>76.83</v>
      </c>
      <c r="G42" s="12">
        <v>407182.19</v>
      </c>
      <c r="H42" s="12">
        <v>76.83</v>
      </c>
      <c r="I42" s="12">
        <v>122817.81</v>
      </c>
    </row>
    <row r="43" spans="1:9" x14ac:dyDescent="0.25">
      <c r="A43" s="2" t="s">
        <v>79</v>
      </c>
      <c r="B43" s="4" t="s">
        <v>80</v>
      </c>
      <c r="C43" s="12">
        <v>2137907500</v>
      </c>
      <c r="D43" s="12">
        <v>2137907500</v>
      </c>
      <c r="E43" s="12">
        <v>316841593.58999997</v>
      </c>
      <c r="F43" s="12">
        <v>14.82</v>
      </c>
      <c r="G43" s="12">
        <v>316841593.58999997</v>
      </c>
      <c r="H43" s="12">
        <v>14.82</v>
      </c>
      <c r="I43" s="12">
        <v>1821065906.4100001</v>
      </c>
    </row>
    <row r="44" spans="1:9" x14ac:dyDescent="0.25">
      <c r="A44" s="2" t="s">
        <v>81</v>
      </c>
      <c r="B44" s="4" t="s">
        <v>82</v>
      </c>
      <c r="C44" s="12">
        <v>1252844900</v>
      </c>
      <c r="D44" s="12">
        <v>1252844900</v>
      </c>
      <c r="E44" s="12">
        <v>262459252.81</v>
      </c>
      <c r="F44" s="12">
        <v>20.95</v>
      </c>
      <c r="G44" s="12">
        <v>262459252.81</v>
      </c>
      <c r="H44" s="12">
        <v>20.95</v>
      </c>
      <c r="I44" s="12">
        <v>990385647.19000006</v>
      </c>
    </row>
    <row r="45" spans="1:9" x14ac:dyDescent="0.25">
      <c r="A45" s="2" t="s">
        <v>83</v>
      </c>
      <c r="B45" s="4" t="s">
        <v>84</v>
      </c>
      <c r="C45" s="12">
        <v>700000</v>
      </c>
      <c r="D45" s="12">
        <v>700000</v>
      </c>
      <c r="E45" s="12">
        <v>0</v>
      </c>
      <c r="F45" s="12">
        <v>0</v>
      </c>
      <c r="G45" s="12">
        <v>0</v>
      </c>
      <c r="H45" s="12">
        <v>0</v>
      </c>
      <c r="I45" s="12">
        <v>700000</v>
      </c>
    </row>
    <row r="46" spans="1:9" x14ac:dyDescent="0.25">
      <c r="A46" s="2" t="s">
        <v>85</v>
      </c>
      <c r="B46" s="4" t="s">
        <v>86</v>
      </c>
      <c r="C46" s="12">
        <v>3848700</v>
      </c>
      <c r="D46" s="12">
        <v>3848700</v>
      </c>
      <c r="E46" s="12">
        <v>2143</v>
      </c>
      <c r="F46" s="12">
        <v>0.06</v>
      </c>
      <c r="G46" s="12">
        <v>2143</v>
      </c>
      <c r="H46" s="12">
        <v>0.06</v>
      </c>
      <c r="I46" s="12">
        <v>3846557</v>
      </c>
    </row>
    <row r="47" spans="1:9" x14ac:dyDescent="0.25">
      <c r="A47" s="3" t="s">
        <v>87</v>
      </c>
      <c r="B47" s="5" t="s">
        <v>88</v>
      </c>
      <c r="C47" s="11">
        <v>104277200</v>
      </c>
      <c r="D47" s="11">
        <v>104302200</v>
      </c>
      <c r="E47" s="11">
        <v>26999945.27</v>
      </c>
      <c r="F47" s="11">
        <v>25.89</v>
      </c>
      <c r="G47" s="11">
        <v>26999945.27</v>
      </c>
      <c r="H47" s="11">
        <v>25.89</v>
      </c>
      <c r="I47" s="11">
        <v>77302254.730000004</v>
      </c>
    </row>
    <row r="48" spans="1:9" x14ac:dyDescent="0.25">
      <c r="A48" s="2" t="s">
        <v>89</v>
      </c>
      <c r="B48" s="4" t="s">
        <v>90</v>
      </c>
      <c r="C48" s="12">
        <v>36569700</v>
      </c>
      <c r="D48" s="12">
        <v>36569700</v>
      </c>
      <c r="E48" s="12">
        <v>7003070.5300000003</v>
      </c>
      <c r="F48" s="12">
        <v>19.149999999999999</v>
      </c>
      <c r="G48" s="12">
        <v>7003070.5300000003</v>
      </c>
      <c r="H48" s="12">
        <v>19.149999999999999</v>
      </c>
      <c r="I48" s="12">
        <v>29566629.469999999</v>
      </c>
    </row>
    <row r="49" spans="1:9" x14ac:dyDescent="0.25">
      <c r="A49" s="2" t="s">
        <v>91</v>
      </c>
      <c r="B49" s="4" t="s">
        <v>92</v>
      </c>
      <c r="C49" s="12">
        <v>57864100</v>
      </c>
      <c r="D49" s="12">
        <v>57889100</v>
      </c>
      <c r="E49" s="12">
        <v>18354333.82</v>
      </c>
      <c r="F49" s="12">
        <v>31.71</v>
      </c>
      <c r="G49" s="12">
        <v>18354333.82</v>
      </c>
      <c r="H49" s="12">
        <v>31.71</v>
      </c>
      <c r="I49" s="12">
        <v>39534766.18</v>
      </c>
    </row>
    <row r="50" spans="1:9" x14ac:dyDescent="0.25">
      <c r="A50" s="2" t="s">
        <v>93</v>
      </c>
      <c r="B50" s="4" t="s">
        <v>94</v>
      </c>
      <c r="C50" s="12">
        <v>0</v>
      </c>
      <c r="D50" s="12">
        <v>0</v>
      </c>
      <c r="E50" s="12">
        <v>0</v>
      </c>
      <c r="F50" s="12">
        <v>0</v>
      </c>
      <c r="G50" s="12">
        <v>0</v>
      </c>
      <c r="H50" s="12">
        <v>0</v>
      </c>
      <c r="I50" s="12">
        <v>0</v>
      </c>
    </row>
    <row r="51" spans="1:9" x14ac:dyDescent="0.25">
      <c r="A51" s="2" t="s">
        <v>95</v>
      </c>
      <c r="B51" s="4" t="s">
        <v>96</v>
      </c>
      <c r="C51" s="12">
        <v>0</v>
      </c>
      <c r="D51" s="12">
        <v>0</v>
      </c>
      <c r="E51" s="12">
        <v>2970.6</v>
      </c>
      <c r="F51" s="12">
        <v>0</v>
      </c>
      <c r="G51" s="12">
        <v>2970.6</v>
      </c>
      <c r="H51" s="12">
        <v>0</v>
      </c>
      <c r="I51" s="12">
        <v>-2970.6</v>
      </c>
    </row>
    <row r="52" spans="1:9" x14ac:dyDescent="0.25">
      <c r="A52" s="2" t="s">
        <v>97</v>
      </c>
      <c r="B52" s="4" t="s">
        <v>98</v>
      </c>
      <c r="C52" s="12">
        <v>9843400</v>
      </c>
      <c r="D52" s="12">
        <v>9843400</v>
      </c>
      <c r="E52" s="12">
        <v>1639570.32</v>
      </c>
      <c r="F52" s="12">
        <v>16.66</v>
      </c>
      <c r="G52" s="12">
        <v>1639570.32</v>
      </c>
      <c r="H52" s="12">
        <v>16.66</v>
      </c>
      <c r="I52" s="12">
        <v>8203829.6799999997</v>
      </c>
    </row>
    <row r="53" spans="1:9" x14ac:dyDescent="0.25">
      <c r="A53" s="3" t="s">
        <v>99</v>
      </c>
      <c r="B53" s="5" t="s">
        <v>100</v>
      </c>
      <c r="C53" s="11">
        <v>452392800</v>
      </c>
      <c r="D53" s="11">
        <v>631739716</v>
      </c>
      <c r="E53" s="11">
        <v>28786330.949999999</v>
      </c>
      <c r="F53" s="11">
        <v>4.5599999999999996</v>
      </c>
      <c r="G53" s="11">
        <v>28786330.949999999</v>
      </c>
      <c r="H53" s="11">
        <v>4.5599999999999996</v>
      </c>
      <c r="I53" s="11">
        <v>602953385.04999995</v>
      </c>
    </row>
    <row r="54" spans="1:9" x14ac:dyDescent="0.25">
      <c r="A54" s="3" t="s">
        <v>101</v>
      </c>
      <c r="B54" s="5" t="s">
        <v>102</v>
      </c>
      <c r="C54" s="11">
        <v>25466900</v>
      </c>
      <c r="D54" s="11">
        <v>203313816</v>
      </c>
      <c r="E54" s="11">
        <v>8987846.6500000004</v>
      </c>
      <c r="F54" s="11">
        <v>4.42</v>
      </c>
      <c r="G54" s="11">
        <v>8987846.6500000004</v>
      </c>
      <c r="H54" s="11">
        <v>4.42</v>
      </c>
      <c r="I54" s="11">
        <v>194325969.34999999</v>
      </c>
    </row>
    <row r="55" spans="1:9" x14ac:dyDescent="0.25">
      <c r="A55" s="2" t="s">
        <v>103</v>
      </c>
      <c r="B55" s="4" t="s">
        <v>104</v>
      </c>
      <c r="C55" s="12">
        <v>0</v>
      </c>
      <c r="D55" s="12">
        <v>100000000</v>
      </c>
      <c r="E55" s="12">
        <v>8987846.6500000004</v>
      </c>
      <c r="F55" s="12">
        <v>8.99</v>
      </c>
      <c r="G55" s="12">
        <v>8987846.6500000004</v>
      </c>
      <c r="H55" s="12">
        <v>8.99</v>
      </c>
      <c r="I55" s="12">
        <v>91012153.349999994</v>
      </c>
    </row>
    <row r="56" spans="1:9" x14ac:dyDescent="0.25">
      <c r="A56" s="2" t="s">
        <v>105</v>
      </c>
      <c r="B56" s="4" t="s">
        <v>106</v>
      </c>
      <c r="C56" s="12">
        <v>25466900</v>
      </c>
      <c r="D56" s="12">
        <v>103313816</v>
      </c>
      <c r="E56" s="12">
        <v>0</v>
      </c>
      <c r="F56" s="12">
        <v>0</v>
      </c>
      <c r="G56" s="12">
        <v>0</v>
      </c>
      <c r="H56" s="12">
        <v>0</v>
      </c>
      <c r="I56" s="12">
        <v>103313816</v>
      </c>
    </row>
    <row r="57" spans="1:9" x14ac:dyDescent="0.25">
      <c r="A57" s="3" t="s">
        <v>107</v>
      </c>
      <c r="B57" s="5" t="s">
        <v>108</v>
      </c>
      <c r="C57" s="11">
        <v>5718800</v>
      </c>
      <c r="D57" s="11">
        <v>5718800</v>
      </c>
      <c r="E57" s="11">
        <v>322248.11</v>
      </c>
      <c r="F57" s="11">
        <v>5.63</v>
      </c>
      <c r="G57" s="11">
        <v>322248.11</v>
      </c>
      <c r="H57" s="11">
        <v>5.63</v>
      </c>
      <c r="I57" s="11">
        <v>5396551.8899999997</v>
      </c>
    </row>
    <row r="58" spans="1:9" x14ac:dyDescent="0.25">
      <c r="A58" s="2" t="s">
        <v>109</v>
      </c>
      <c r="B58" s="4" t="s">
        <v>110</v>
      </c>
      <c r="C58" s="12">
        <v>1434600</v>
      </c>
      <c r="D58" s="12">
        <v>1434600</v>
      </c>
      <c r="E58" s="12">
        <v>106100</v>
      </c>
      <c r="F58" s="12">
        <v>7.4</v>
      </c>
      <c r="G58" s="12">
        <v>106100</v>
      </c>
      <c r="H58" s="12">
        <v>7.4</v>
      </c>
      <c r="I58" s="12">
        <v>1328500</v>
      </c>
    </row>
    <row r="59" spans="1:9" x14ac:dyDescent="0.25">
      <c r="A59" s="2" t="s">
        <v>111</v>
      </c>
      <c r="B59" s="4" t="s">
        <v>112</v>
      </c>
      <c r="C59" s="12">
        <v>4284200</v>
      </c>
      <c r="D59" s="12">
        <v>4284200</v>
      </c>
      <c r="E59" s="12">
        <v>216148.11</v>
      </c>
      <c r="F59" s="12">
        <v>5.05</v>
      </c>
      <c r="G59" s="12">
        <v>216148.11</v>
      </c>
      <c r="H59" s="12">
        <v>5.05</v>
      </c>
      <c r="I59" s="12">
        <v>4068051.89</v>
      </c>
    </row>
    <row r="60" spans="1:9" x14ac:dyDescent="0.25">
      <c r="A60" s="2" t="s">
        <v>113</v>
      </c>
      <c r="B60" s="4" t="s">
        <v>114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5</v>
      </c>
      <c r="B61" s="4" t="s">
        <v>116</v>
      </c>
      <c r="C61" s="12">
        <v>9574200</v>
      </c>
      <c r="D61" s="12">
        <v>9574200</v>
      </c>
      <c r="E61" s="12">
        <v>2051651.83</v>
      </c>
      <c r="F61" s="12">
        <v>21.43</v>
      </c>
      <c r="G61" s="12">
        <v>2051651.83</v>
      </c>
      <c r="H61" s="12">
        <v>21.43</v>
      </c>
      <c r="I61" s="12">
        <v>7522548.1699999999</v>
      </c>
    </row>
    <row r="62" spans="1:9" x14ac:dyDescent="0.25">
      <c r="A62" s="3" t="s">
        <v>117</v>
      </c>
      <c r="B62" s="5" t="s">
        <v>118</v>
      </c>
      <c r="C62" s="11">
        <v>411632900</v>
      </c>
      <c r="D62" s="11">
        <v>413132900</v>
      </c>
      <c r="E62" s="11">
        <v>17424584.359999999</v>
      </c>
      <c r="F62" s="11">
        <v>4.22</v>
      </c>
      <c r="G62" s="11">
        <v>17424584.359999999</v>
      </c>
      <c r="H62" s="11">
        <v>4.22</v>
      </c>
      <c r="I62" s="11">
        <v>395708315.63999999</v>
      </c>
    </row>
    <row r="63" spans="1:9" x14ac:dyDescent="0.25">
      <c r="A63" s="2" t="s">
        <v>119</v>
      </c>
      <c r="B63" s="4" t="s">
        <v>74</v>
      </c>
      <c r="C63" s="12">
        <v>411168100</v>
      </c>
      <c r="D63" s="12">
        <v>412668100</v>
      </c>
      <c r="E63" s="12">
        <v>17295540.719999999</v>
      </c>
      <c r="F63" s="12">
        <v>4.1900000000000004</v>
      </c>
      <c r="G63" s="12">
        <v>17295540.719999999</v>
      </c>
      <c r="H63" s="12">
        <v>4.1900000000000004</v>
      </c>
      <c r="I63" s="12">
        <v>395372559.27999997</v>
      </c>
    </row>
    <row r="64" spans="1:9" x14ac:dyDescent="0.25">
      <c r="A64" s="2" t="s">
        <v>120</v>
      </c>
      <c r="B64" s="4" t="s">
        <v>76</v>
      </c>
      <c r="C64" s="12">
        <v>464800</v>
      </c>
      <c r="D64" s="12">
        <v>464800</v>
      </c>
      <c r="E64" s="12">
        <v>129043.64</v>
      </c>
      <c r="F64" s="12">
        <v>27.76</v>
      </c>
      <c r="G64" s="12">
        <v>129043.64</v>
      </c>
      <c r="H64" s="12">
        <v>27.76</v>
      </c>
      <c r="I64" s="12">
        <v>335756.36</v>
      </c>
    </row>
    <row r="65" spans="1:9" x14ac:dyDescent="0.25">
      <c r="A65" s="2" t="s">
        <v>121</v>
      </c>
      <c r="B65" s="4" t="s">
        <v>78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22</v>
      </c>
      <c r="B66" s="4" t="s">
        <v>80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</row>
    <row r="67" spans="1:9" x14ac:dyDescent="0.25">
      <c r="A67" s="2" t="s">
        <v>123</v>
      </c>
      <c r="B67" s="4" t="s">
        <v>8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4</v>
      </c>
      <c r="B68" s="4" t="s">
        <v>84</v>
      </c>
      <c r="C68" s="12">
        <v>0</v>
      </c>
      <c r="D68" s="12">
        <v>0</v>
      </c>
      <c r="E68" s="12">
        <v>0</v>
      </c>
      <c r="F68" s="12">
        <v>0</v>
      </c>
      <c r="G68" s="12">
        <v>0</v>
      </c>
      <c r="H68" s="12">
        <v>0</v>
      </c>
      <c r="I68" s="12">
        <v>0</v>
      </c>
    </row>
    <row r="69" spans="1:9" x14ac:dyDescent="0.25">
      <c r="A69" s="2" t="s">
        <v>125</v>
      </c>
      <c r="B69" s="4" t="s">
        <v>126</v>
      </c>
      <c r="C69" s="12">
        <v>0</v>
      </c>
      <c r="D69" s="12">
        <v>0</v>
      </c>
      <c r="E69" s="12">
        <v>0</v>
      </c>
      <c r="F69" s="12">
        <v>0</v>
      </c>
      <c r="G69" s="12">
        <v>0</v>
      </c>
      <c r="H69" s="12">
        <v>0</v>
      </c>
      <c r="I69" s="12">
        <v>0</v>
      </c>
    </row>
    <row r="70" spans="1:9" x14ac:dyDescent="0.25">
      <c r="A70" s="2" t="s">
        <v>127</v>
      </c>
      <c r="B70" s="4" t="s">
        <v>128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9</v>
      </c>
      <c r="B71" s="5" t="s">
        <v>130</v>
      </c>
      <c r="C71" s="11">
        <v>0</v>
      </c>
      <c r="D71" s="11">
        <v>0</v>
      </c>
      <c r="E71" s="11">
        <v>0</v>
      </c>
      <c r="F71" s="11">
        <v>0</v>
      </c>
      <c r="G71" s="11">
        <v>0</v>
      </c>
      <c r="H71" s="11">
        <v>0</v>
      </c>
      <c r="I71" s="11">
        <v>0</v>
      </c>
    </row>
    <row r="72" spans="1:9" x14ac:dyDescent="0.25">
      <c r="A72" s="2" t="s">
        <v>131</v>
      </c>
      <c r="B72" s="4" t="s">
        <v>132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3</v>
      </c>
      <c r="B73" s="4" t="s">
        <v>134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5</v>
      </c>
      <c r="B74" s="4" t="s">
        <v>136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7</v>
      </c>
      <c r="B75" s="4" t="s">
        <v>138</v>
      </c>
      <c r="C75" s="12">
        <v>0</v>
      </c>
      <c r="D75" s="12">
        <v>0</v>
      </c>
      <c r="E75" s="12">
        <v>0</v>
      </c>
      <c r="F75" s="12">
        <v>0</v>
      </c>
      <c r="G75" s="12">
        <v>0</v>
      </c>
      <c r="H75" s="12">
        <v>0</v>
      </c>
      <c r="I75" s="12">
        <v>0</v>
      </c>
    </row>
    <row r="76" spans="1:9" x14ac:dyDescent="0.25">
      <c r="A76" s="2" t="s">
        <v>139</v>
      </c>
      <c r="B76" s="4" t="s">
        <v>140</v>
      </c>
      <c r="C76" s="12">
        <v>1939747300</v>
      </c>
      <c r="D76" s="12">
        <v>1952167300</v>
      </c>
      <c r="E76" s="12">
        <v>278733953.56999999</v>
      </c>
      <c r="F76" s="12">
        <v>14.28</v>
      </c>
      <c r="G76" s="12">
        <v>278733953.56999999</v>
      </c>
      <c r="H76" s="12">
        <v>14.28</v>
      </c>
      <c r="I76" s="12">
        <v>1673433346.4300001</v>
      </c>
    </row>
    <row r="77" spans="1:9" x14ac:dyDescent="0.25">
      <c r="A77" s="3" t="s">
        <v>141</v>
      </c>
      <c r="B77" s="5" t="s">
        <v>142</v>
      </c>
      <c r="C77" s="11">
        <v>18475534800</v>
      </c>
      <c r="D77" s="11">
        <v>18671427716</v>
      </c>
      <c r="E77" s="11">
        <v>3425202918.3299999</v>
      </c>
      <c r="F77" s="11">
        <v>18.34</v>
      </c>
      <c r="G77" s="11">
        <v>3425202918.3299999</v>
      </c>
      <c r="H77" s="11">
        <v>18.34</v>
      </c>
      <c r="I77" s="11">
        <v>15246224797.67</v>
      </c>
    </row>
    <row r="78" spans="1:9" x14ac:dyDescent="0.25">
      <c r="A78" s="3" t="s">
        <v>143</v>
      </c>
      <c r="B78" s="5" t="s">
        <v>144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5</v>
      </c>
      <c r="B79" s="5" t="s">
        <v>146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7</v>
      </c>
      <c r="B80" s="4" t="s">
        <v>148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1" x14ac:dyDescent="0.25">
      <c r="A81" s="2" t="s">
        <v>149</v>
      </c>
      <c r="B81" s="4" t="s">
        <v>150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1" x14ac:dyDescent="0.25">
      <c r="A82" s="3" t="s">
        <v>151</v>
      </c>
      <c r="B82" s="5" t="s">
        <v>152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1" x14ac:dyDescent="0.25">
      <c r="A83" s="2" t="s">
        <v>153</v>
      </c>
      <c r="B83" s="4" t="s">
        <v>148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1" x14ac:dyDescent="0.25">
      <c r="A84" s="2" t="s">
        <v>154</v>
      </c>
      <c r="B84" s="4" t="s">
        <v>150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1" x14ac:dyDescent="0.25">
      <c r="A85" s="3" t="s">
        <v>155</v>
      </c>
      <c r="B85" s="5" t="s">
        <v>156</v>
      </c>
      <c r="C85" s="11">
        <v>18475534800</v>
      </c>
      <c r="D85" s="11">
        <v>18671427716</v>
      </c>
      <c r="E85" s="11">
        <v>3425202918.3299999</v>
      </c>
      <c r="F85" s="11">
        <v>18.34</v>
      </c>
      <c r="G85" s="11">
        <v>3425202918.3299999</v>
      </c>
      <c r="H85" s="11">
        <v>18.34</v>
      </c>
      <c r="I85" s="11">
        <v>15246224797.67</v>
      </c>
    </row>
    <row r="86" spans="1:11" x14ac:dyDescent="0.25">
      <c r="A86" s="2" t="s">
        <v>157</v>
      </c>
      <c r="B86" s="4" t="s">
        <v>158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1" x14ac:dyDescent="0.25">
      <c r="A87" s="3" t="s">
        <v>159</v>
      </c>
      <c r="B87" s="5" t="s">
        <v>160</v>
      </c>
      <c r="C87" s="11">
        <v>18475534800</v>
      </c>
      <c r="D87" s="11">
        <v>18671427716</v>
      </c>
      <c r="E87" s="11">
        <v>3425202918.3299999</v>
      </c>
      <c r="F87" s="11">
        <v>18.34</v>
      </c>
      <c r="G87" s="11">
        <v>3425202918.3299999</v>
      </c>
      <c r="H87" s="11">
        <v>18.34</v>
      </c>
      <c r="I87" s="11">
        <v>15246224797.67</v>
      </c>
    </row>
    <row r="88" spans="1:11" x14ac:dyDescent="0.25">
      <c r="A88" s="3" t="s">
        <v>161</v>
      </c>
      <c r="B88" s="5" t="s">
        <v>162</v>
      </c>
      <c r="C88" s="11">
        <v>0</v>
      </c>
      <c r="D88" s="11">
        <v>896885383.83000004</v>
      </c>
      <c r="E88" s="11">
        <v>0</v>
      </c>
      <c r="F88" s="11">
        <v>0</v>
      </c>
      <c r="G88" s="11">
        <v>896885383.83000004</v>
      </c>
      <c r="H88" s="11">
        <v>100</v>
      </c>
      <c r="I88" s="11">
        <v>0</v>
      </c>
    </row>
    <row r="89" spans="1:11" x14ac:dyDescent="0.25">
      <c r="A89" s="2" t="s">
        <v>163</v>
      </c>
      <c r="B89" s="4" t="s">
        <v>164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1" x14ac:dyDescent="0.25">
      <c r="A90" s="2" t="s">
        <v>165</v>
      </c>
      <c r="B90" s="4" t="s">
        <v>166</v>
      </c>
      <c r="C90" s="12">
        <v>0</v>
      </c>
      <c r="D90" s="12">
        <v>896885383.83000004</v>
      </c>
      <c r="E90" s="12">
        <v>0</v>
      </c>
      <c r="F90" s="12">
        <v>0</v>
      </c>
      <c r="G90" s="12">
        <v>896885383.83000004</v>
      </c>
      <c r="H90" s="12">
        <v>100</v>
      </c>
      <c r="I90" s="12">
        <v>0</v>
      </c>
    </row>
    <row r="92" spans="1:11" x14ac:dyDescent="0.25">
      <c r="A92" s="10" t="s">
        <v>6</v>
      </c>
      <c r="B92" s="10" t="s">
        <v>167</v>
      </c>
      <c r="C92" s="10" t="s">
        <v>168</v>
      </c>
      <c r="D92" s="10" t="s">
        <v>169</v>
      </c>
      <c r="E92" s="10" t="s">
        <v>170</v>
      </c>
      <c r="F92" s="10" t="s">
        <v>7</v>
      </c>
      <c r="G92" s="10" t="s">
        <v>173</v>
      </c>
      <c r="H92" s="10" t="s">
        <v>174</v>
      </c>
      <c r="I92" s="10" t="s">
        <v>7</v>
      </c>
      <c r="J92" s="10" t="s">
        <v>176</v>
      </c>
      <c r="K92" s="10" t="s">
        <v>177</v>
      </c>
    </row>
    <row r="93" spans="1:11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71</v>
      </c>
      <c r="F93" s="1" t="s">
        <v>172</v>
      </c>
      <c r="G93" s="10" t="s">
        <v>7</v>
      </c>
      <c r="H93" s="1" t="s">
        <v>171</v>
      </c>
      <c r="I93" s="1" t="s">
        <v>175</v>
      </c>
      <c r="J93" s="10" t="s">
        <v>7</v>
      </c>
      <c r="K93" s="10" t="s">
        <v>7</v>
      </c>
    </row>
    <row r="94" spans="1:11" x14ac:dyDescent="0.25">
      <c r="A94" s="3" t="s">
        <v>178</v>
      </c>
      <c r="B94" s="5" t="s">
        <v>179</v>
      </c>
      <c r="C94" s="11">
        <v>16623418000</v>
      </c>
      <c r="D94" s="11">
        <v>18140568001.439999</v>
      </c>
      <c r="E94" s="11">
        <v>5734306522.3299999</v>
      </c>
      <c r="F94" s="11">
        <v>5734306522.3299999</v>
      </c>
      <c r="G94" s="11">
        <v>12406261479.110001</v>
      </c>
      <c r="H94" s="11">
        <v>2318549797.6599998</v>
      </c>
      <c r="I94" s="11">
        <v>2318549797.6599998</v>
      </c>
      <c r="J94" s="11">
        <v>15822018203.780001</v>
      </c>
      <c r="K94" s="11">
        <v>2219886996.2399998</v>
      </c>
    </row>
    <row r="95" spans="1:11" x14ac:dyDescent="0.25">
      <c r="A95" s="3" t="s">
        <v>180</v>
      </c>
      <c r="B95" s="5" t="s">
        <v>181</v>
      </c>
      <c r="C95" s="11">
        <v>14218980000</v>
      </c>
      <c r="D95" s="11">
        <v>14714906019.389999</v>
      </c>
      <c r="E95" s="11">
        <v>4336356881.2200003</v>
      </c>
      <c r="F95" s="11">
        <v>4336356881.2200003</v>
      </c>
      <c r="G95" s="11">
        <v>10378549138.17</v>
      </c>
      <c r="H95" s="11">
        <v>2096401587.3699999</v>
      </c>
      <c r="I95" s="11">
        <v>2096401587.3699999</v>
      </c>
      <c r="J95" s="11">
        <v>12618504432.02</v>
      </c>
      <c r="K95" s="11">
        <v>2020080813.79</v>
      </c>
    </row>
    <row r="96" spans="1:11" x14ac:dyDescent="0.25">
      <c r="A96" s="2" t="s">
        <v>182</v>
      </c>
      <c r="B96" s="4" t="s">
        <v>183</v>
      </c>
      <c r="C96" s="12">
        <v>9139359300</v>
      </c>
      <c r="D96" s="12">
        <v>9484724537.6100006</v>
      </c>
      <c r="E96" s="12">
        <v>2427798878.6100001</v>
      </c>
      <c r="F96" s="12">
        <v>2427798878.6100001</v>
      </c>
      <c r="G96" s="12">
        <v>7056925659</v>
      </c>
      <c r="H96" s="12">
        <v>1518056127.26</v>
      </c>
      <c r="I96" s="12">
        <v>1518056127.26</v>
      </c>
      <c r="J96" s="12">
        <v>7966668410.3500004</v>
      </c>
      <c r="K96" s="12">
        <v>1506878480.8099999</v>
      </c>
    </row>
    <row r="97" spans="1:11" x14ac:dyDescent="0.25">
      <c r="A97" s="2" t="s">
        <v>184</v>
      </c>
      <c r="B97" s="4" t="s">
        <v>185</v>
      </c>
      <c r="C97" s="12">
        <v>326039500</v>
      </c>
      <c r="D97" s="12">
        <v>294403928</v>
      </c>
      <c r="E97" s="12">
        <v>196872124.38999999</v>
      </c>
      <c r="F97" s="12">
        <v>196872124.38999999</v>
      </c>
      <c r="G97" s="12">
        <v>97531803.609999999</v>
      </c>
      <c r="H97" s="12">
        <v>55839600.280000001</v>
      </c>
      <c r="I97" s="12">
        <v>55839600.280000001</v>
      </c>
      <c r="J97" s="12">
        <v>238564327.72</v>
      </c>
      <c r="K97" s="12">
        <v>55826454.859999999</v>
      </c>
    </row>
    <row r="98" spans="1:11" x14ac:dyDescent="0.25">
      <c r="A98" s="3" t="s">
        <v>186</v>
      </c>
      <c r="B98" s="5" t="s">
        <v>187</v>
      </c>
      <c r="C98" s="11">
        <v>4753581200</v>
      </c>
      <c r="D98" s="11">
        <v>4935777553.7799997</v>
      </c>
      <c r="E98" s="11">
        <v>1711685878.22</v>
      </c>
      <c r="F98" s="11">
        <v>1711685878.22</v>
      </c>
      <c r="G98" s="11">
        <v>3224091675.5599999</v>
      </c>
      <c r="H98" s="11">
        <v>522505859.82999998</v>
      </c>
      <c r="I98" s="11">
        <v>522505859.82999998</v>
      </c>
      <c r="J98" s="11">
        <v>4413271693.9499998</v>
      </c>
      <c r="K98" s="11">
        <v>457375878.12</v>
      </c>
    </row>
    <row r="99" spans="1:11" x14ac:dyDescent="0.25">
      <c r="A99" s="2" t="s">
        <v>188</v>
      </c>
      <c r="B99" s="4" t="s">
        <v>189</v>
      </c>
      <c r="C99" s="12">
        <v>448268600</v>
      </c>
      <c r="D99" s="12">
        <v>448268600</v>
      </c>
      <c r="E99" s="12">
        <v>448268500</v>
      </c>
      <c r="F99" s="12">
        <v>448268500</v>
      </c>
      <c r="G99" s="12">
        <v>100</v>
      </c>
      <c r="H99" s="12">
        <v>79901935.599999994</v>
      </c>
      <c r="I99" s="12">
        <v>79901935.599999994</v>
      </c>
      <c r="J99" s="12">
        <v>368366664.39999998</v>
      </c>
      <c r="K99" s="12">
        <v>47033872.590000004</v>
      </c>
    </row>
    <row r="100" spans="1:11" x14ac:dyDescent="0.25">
      <c r="A100" s="2" t="s">
        <v>190</v>
      </c>
      <c r="B100" s="4" t="s">
        <v>191</v>
      </c>
      <c r="C100" s="12">
        <v>4305312600</v>
      </c>
      <c r="D100" s="12">
        <v>4487508953.7799997</v>
      </c>
      <c r="E100" s="12">
        <v>1263417378.22</v>
      </c>
      <c r="F100" s="12">
        <v>1263417378.22</v>
      </c>
      <c r="G100" s="12">
        <v>3224091575.5599999</v>
      </c>
      <c r="H100" s="12">
        <v>442603924.23000002</v>
      </c>
      <c r="I100" s="12">
        <v>442603924.23000002</v>
      </c>
      <c r="J100" s="12">
        <v>4044905029.5500002</v>
      </c>
      <c r="K100" s="12">
        <v>410342005.52999997</v>
      </c>
    </row>
    <row r="101" spans="1:11" x14ac:dyDescent="0.25">
      <c r="A101" s="3" t="s">
        <v>192</v>
      </c>
      <c r="B101" s="5" t="s">
        <v>193</v>
      </c>
      <c r="C101" s="11">
        <v>2250470500</v>
      </c>
      <c r="D101" s="11">
        <v>3271694482.0500002</v>
      </c>
      <c r="E101" s="11">
        <v>1397949641.1099999</v>
      </c>
      <c r="F101" s="11">
        <v>1397949641.1099999</v>
      </c>
      <c r="G101" s="11">
        <v>1873744840.9400001</v>
      </c>
      <c r="H101" s="11">
        <v>222148210.28999999</v>
      </c>
      <c r="I101" s="11">
        <v>222148210.28999999</v>
      </c>
      <c r="J101" s="11">
        <v>3049546271.7600002</v>
      </c>
      <c r="K101" s="11">
        <v>199806182.44999999</v>
      </c>
    </row>
    <row r="102" spans="1:11" x14ac:dyDescent="0.25">
      <c r="A102" s="2" t="s">
        <v>194</v>
      </c>
      <c r="B102" s="4" t="s">
        <v>195</v>
      </c>
      <c r="C102" s="12">
        <v>1852505400</v>
      </c>
      <c r="D102" s="12">
        <v>2897532292.0500002</v>
      </c>
      <c r="E102" s="12">
        <v>1134692024.6300001</v>
      </c>
      <c r="F102" s="12">
        <v>1134692024.6300001</v>
      </c>
      <c r="G102" s="12">
        <v>1762840267.4200001</v>
      </c>
      <c r="H102" s="12">
        <v>179879933.87</v>
      </c>
      <c r="I102" s="12">
        <v>179879933.87</v>
      </c>
      <c r="J102" s="12">
        <v>2717652358.1799998</v>
      </c>
      <c r="K102" s="12">
        <v>157537906.03</v>
      </c>
    </row>
    <row r="103" spans="1:11" x14ac:dyDescent="0.25">
      <c r="A103" s="2" t="s">
        <v>196</v>
      </c>
      <c r="B103" s="4" t="s">
        <v>197</v>
      </c>
      <c r="C103" s="12">
        <v>32350100</v>
      </c>
      <c r="D103" s="12">
        <v>33585100</v>
      </c>
      <c r="E103" s="12">
        <v>1234925</v>
      </c>
      <c r="F103" s="12">
        <v>1234925</v>
      </c>
      <c r="G103" s="12">
        <v>32350175</v>
      </c>
      <c r="H103" s="12">
        <v>1160000</v>
      </c>
      <c r="I103" s="12">
        <v>1160000</v>
      </c>
      <c r="J103" s="12">
        <v>32425100</v>
      </c>
      <c r="K103" s="12">
        <v>1160000</v>
      </c>
    </row>
    <row r="104" spans="1:11" x14ac:dyDescent="0.25">
      <c r="A104" s="2" t="s">
        <v>198</v>
      </c>
      <c r="B104" s="4" t="s">
        <v>199</v>
      </c>
      <c r="C104" s="12">
        <v>365615000</v>
      </c>
      <c r="D104" s="12">
        <v>340577090</v>
      </c>
      <c r="E104" s="12">
        <v>262022691.47999999</v>
      </c>
      <c r="F104" s="12">
        <v>262022691.47999999</v>
      </c>
      <c r="G104" s="12">
        <v>78554398.519999996</v>
      </c>
      <c r="H104" s="12">
        <v>41108276.420000002</v>
      </c>
      <c r="I104" s="12">
        <v>41108276.420000002</v>
      </c>
      <c r="J104" s="12">
        <v>299468813.57999998</v>
      </c>
      <c r="K104" s="12">
        <v>41108276.420000002</v>
      </c>
    </row>
    <row r="105" spans="1:11" x14ac:dyDescent="0.25">
      <c r="A105" s="2" t="s">
        <v>200</v>
      </c>
      <c r="B105" s="4" t="s">
        <v>201</v>
      </c>
      <c r="C105" s="12">
        <v>153967500</v>
      </c>
      <c r="D105" s="12">
        <v>153967500</v>
      </c>
      <c r="E105" s="12">
        <v>0</v>
      </c>
      <c r="F105" s="12">
        <v>0</v>
      </c>
      <c r="G105" s="12">
        <v>153967500</v>
      </c>
      <c r="H105" s="12">
        <v>0</v>
      </c>
      <c r="I105" s="12">
        <v>0</v>
      </c>
      <c r="J105" s="12">
        <v>153967500</v>
      </c>
      <c r="K105" s="12">
        <v>0</v>
      </c>
    </row>
    <row r="106" spans="1:11" x14ac:dyDescent="0.25">
      <c r="A106" s="2" t="s">
        <v>202</v>
      </c>
      <c r="B106" s="4" t="s">
        <v>203</v>
      </c>
      <c r="C106" s="12">
        <v>1852116800</v>
      </c>
      <c r="D106" s="12">
        <v>1427745098.3900001</v>
      </c>
      <c r="E106" s="12">
        <v>594136355.01999998</v>
      </c>
      <c r="F106" s="12">
        <v>594136355.01999998</v>
      </c>
      <c r="G106" s="12">
        <v>833608743.37</v>
      </c>
      <c r="H106" s="12">
        <v>364314318.13</v>
      </c>
      <c r="I106" s="12">
        <v>364314318.13</v>
      </c>
      <c r="J106" s="12">
        <v>1063430780.26</v>
      </c>
      <c r="K106" s="12">
        <v>262440301.05000001</v>
      </c>
    </row>
    <row r="107" spans="1:11" x14ac:dyDescent="0.25">
      <c r="A107" s="3" t="s">
        <v>204</v>
      </c>
      <c r="B107" s="5" t="s">
        <v>205</v>
      </c>
      <c r="C107" s="11">
        <v>18475534800</v>
      </c>
      <c r="D107" s="11">
        <v>19568313099.830002</v>
      </c>
      <c r="E107" s="11">
        <v>6328442877.3500004</v>
      </c>
      <c r="F107" s="11">
        <v>6328442877.3500004</v>
      </c>
      <c r="G107" s="11">
        <v>13239870222.48</v>
      </c>
      <c r="H107" s="11">
        <v>2682864115.79</v>
      </c>
      <c r="I107" s="11">
        <v>2682864115.79</v>
      </c>
      <c r="J107" s="11">
        <v>16885448984.040001</v>
      </c>
      <c r="K107" s="11">
        <v>2482327297.29</v>
      </c>
    </row>
    <row r="108" spans="1:11" x14ac:dyDescent="0.25">
      <c r="A108" s="3" t="s">
        <v>206</v>
      </c>
      <c r="B108" s="5" t="s">
        <v>207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8</v>
      </c>
      <c r="B109" s="5" t="s">
        <v>209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10</v>
      </c>
      <c r="B110" s="4" t="s">
        <v>211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</row>
    <row r="111" spans="1:11" x14ac:dyDescent="0.25">
      <c r="A111" s="2" t="s">
        <v>212</v>
      </c>
      <c r="B111" s="4" t="s">
        <v>213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</row>
    <row r="112" spans="1:11" x14ac:dyDescent="0.25">
      <c r="A112" s="3" t="s">
        <v>214</v>
      </c>
      <c r="B112" s="5" t="s">
        <v>215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6</v>
      </c>
      <c r="B113" s="4" t="s">
        <v>211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</row>
    <row r="114" spans="1:11" x14ac:dyDescent="0.25">
      <c r="A114" s="2" t="s">
        <v>217</v>
      </c>
      <c r="B114" s="4" t="s">
        <v>213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</row>
    <row r="115" spans="1:11" x14ac:dyDescent="0.25">
      <c r="A115" s="3" t="s">
        <v>218</v>
      </c>
      <c r="B115" s="5" t="s">
        <v>219</v>
      </c>
      <c r="C115" s="11">
        <v>18475534800</v>
      </c>
      <c r="D115" s="11">
        <v>19568313099.830002</v>
      </c>
      <c r="E115" s="11">
        <v>6328442877.3500004</v>
      </c>
      <c r="F115" s="11">
        <v>6328442877.3500004</v>
      </c>
      <c r="G115" s="11">
        <v>13239870222.48</v>
      </c>
      <c r="H115" s="11">
        <v>2682864115.79</v>
      </c>
      <c r="I115" s="11">
        <v>2682864115.79</v>
      </c>
      <c r="J115" s="11">
        <v>16885448984.040001</v>
      </c>
      <c r="K115" s="11">
        <v>2482327297.29</v>
      </c>
    </row>
    <row r="116" spans="1:11" x14ac:dyDescent="0.25">
      <c r="A116" s="2" t="s">
        <v>220</v>
      </c>
      <c r="B116" s="4" t="s">
        <v>221</v>
      </c>
      <c r="C116" s="12">
        <v>0</v>
      </c>
      <c r="D116" s="12">
        <v>0</v>
      </c>
      <c r="E116" s="12">
        <v>0</v>
      </c>
      <c r="F116" s="12">
        <v>0</v>
      </c>
      <c r="G116" s="12">
        <v>0</v>
      </c>
      <c r="H116" s="12">
        <v>0</v>
      </c>
      <c r="I116" s="12">
        <v>742338802.53999996</v>
      </c>
      <c r="J116" s="12">
        <v>0</v>
      </c>
      <c r="K116" s="12">
        <v>942875621.03999996</v>
      </c>
    </row>
    <row r="117" spans="1:11" x14ac:dyDescent="0.25">
      <c r="A117" s="3" t="s">
        <v>222</v>
      </c>
      <c r="B117" s="5" t="s">
        <v>223</v>
      </c>
      <c r="C117" s="11">
        <v>18475534800</v>
      </c>
      <c r="D117" s="11">
        <v>19568313099.830002</v>
      </c>
      <c r="E117" s="11">
        <v>6328442877.3500004</v>
      </c>
      <c r="F117" s="11">
        <v>6328442877.3500004</v>
      </c>
      <c r="G117" s="11">
        <v>13239870222.48</v>
      </c>
      <c r="H117" s="11">
        <v>2682864115.79</v>
      </c>
      <c r="I117" s="11">
        <v>3425202918.3299999</v>
      </c>
      <c r="J117" s="11">
        <v>16885448984.040001</v>
      </c>
      <c r="K117" s="11">
        <v>3425202918.3299999</v>
      </c>
    </row>
    <row r="118" spans="1:11" x14ac:dyDescent="0.25">
      <c r="A118" s="2" t="s">
        <v>224</v>
      </c>
      <c r="B118" s="4" t="s">
        <v>225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</row>
    <row r="120" spans="1:11" x14ac:dyDescent="0.25">
      <c r="A120" s="10" t="s">
        <v>6</v>
      </c>
      <c r="B120" s="10" t="s">
        <v>226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1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1" x14ac:dyDescent="0.25">
      <c r="A122" s="3" t="s">
        <v>227</v>
      </c>
      <c r="B122" s="5" t="s">
        <v>228</v>
      </c>
      <c r="C122" s="11">
        <v>1939747300</v>
      </c>
      <c r="D122" s="11">
        <v>1952167300</v>
      </c>
      <c r="E122" s="11">
        <v>278733953.56999999</v>
      </c>
      <c r="F122" s="11">
        <v>14.28</v>
      </c>
      <c r="G122" s="11">
        <v>278733953.56999999</v>
      </c>
      <c r="H122" s="11">
        <v>14.28</v>
      </c>
      <c r="I122" s="11">
        <v>1673433346.4300001</v>
      </c>
    </row>
    <row r="123" spans="1:11" x14ac:dyDescent="0.25">
      <c r="A123" s="3" t="s">
        <v>229</v>
      </c>
      <c r="B123" s="5" t="s">
        <v>230</v>
      </c>
      <c r="C123" s="11">
        <v>1939747300</v>
      </c>
      <c r="D123" s="11">
        <v>1952167300</v>
      </c>
      <c r="E123" s="11">
        <v>278733953.56999999</v>
      </c>
      <c r="F123" s="11">
        <v>14.28</v>
      </c>
      <c r="G123" s="11">
        <v>278733953.56999999</v>
      </c>
      <c r="H123" s="11">
        <v>14.28</v>
      </c>
      <c r="I123" s="11">
        <v>1673433346.4300001</v>
      </c>
    </row>
    <row r="124" spans="1:11" x14ac:dyDescent="0.25">
      <c r="A124" s="3" t="s">
        <v>231</v>
      </c>
      <c r="B124" s="5" t="s">
        <v>232</v>
      </c>
      <c r="C124" s="11">
        <v>0</v>
      </c>
      <c r="D124" s="11">
        <v>12420000</v>
      </c>
      <c r="E124" s="11">
        <v>1500000</v>
      </c>
      <c r="F124" s="11">
        <v>12.08</v>
      </c>
      <c r="G124" s="11">
        <v>1500000</v>
      </c>
      <c r="H124" s="11">
        <v>12.08</v>
      </c>
      <c r="I124" s="11">
        <v>10920000</v>
      </c>
    </row>
    <row r="125" spans="1:11" x14ac:dyDescent="0.25">
      <c r="A125" s="2" t="s">
        <v>233</v>
      </c>
      <c r="B125" s="4" t="s">
        <v>234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1" x14ac:dyDescent="0.25">
      <c r="A126" s="2" t="s">
        <v>235</v>
      </c>
      <c r="B126" s="4" t="s">
        <v>236</v>
      </c>
      <c r="C126" s="12">
        <v>0</v>
      </c>
      <c r="D126" s="12">
        <v>12420000</v>
      </c>
      <c r="E126" s="12">
        <v>1500000</v>
      </c>
      <c r="F126" s="12">
        <v>12.08</v>
      </c>
      <c r="G126" s="12">
        <v>1500000</v>
      </c>
      <c r="H126" s="12">
        <v>12.08</v>
      </c>
      <c r="I126" s="12">
        <v>10920000</v>
      </c>
    </row>
    <row r="127" spans="1:11" x14ac:dyDescent="0.25">
      <c r="A127" s="2" t="s">
        <v>237</v>
      </c>
      <c r="B127" s="4" t="s">
        <v>238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1" x14ac:dyDescent="0.25">
      <c r="A128" s="3" t="s">
        <v>239</v>
      </c>
      <c r="B128" s="5" t="s">
        <v>240</v>
      </c>
      <c r="C128" s="11">
        <v>1519441800</v>
      </c>
      <c r="D128" s="11">
        <v>1519441800</v>
      </c>
      <c r="E128" s="11">
        <v>275569715.86000001</v>
      </c>
      <c r="F128" s="11">
        <v>18.14</v>
      </c>
      <c r="G128" s="11">
        <v>275569715.86000001</v>
      </c>
      <c r="H128" s="11">
        <v>18.14</v>
      </c>
      <c r="I128" s="11">
        <v>1243872084.1400001</v>
      </c>
    </row>
    <row r="129" spans="1:9" x14ac:dyDescent="0.25">
      <c r="A129" s="2" t="s">
        <v>241</v>
      </c>
      <c r="B129" s="4" t="s">
        <v>242</v>
      </c>
      <c r="C129" s="12">
        <v>1519441800</v>
      </c>
      <c r="D129" s="12">
        <v>1519441800</v>
      </c>
      <c r="E129" s="12">
        <v>275569715.86000001</v>
      </c>
      <c r="F129" s="12">
        <v>18.14</v>
      </c>
      <c r="G129" s="12">
        <v>275569715.86000001</v>
      </c>
      <c r="H129" s="12">
        <v>18.14</v>
      </c>
      <c r="I129" s="12">
        <v>1243872084.1400001</v>
      </c>
    </row>
    <row r="130" spans="1:9" x14ac:dyDescent="0.25">
      <c r="A130" s="2" t="s">
        <v>243</v>
      </c>
      <c r="B130" s="4" t="s">
        <v>244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5</v>
      </c>
      <c r="B131" s="4" t="s">
        <v>246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7</v>
      </c>
      <c r="B132" s="4" t="s">
        <v>248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9</v>
      </c>
      <c r="B133" s="5" t="s">
        <v>250</v>
      </c>
      <c r="C133" s="11">
        <v>90000</v>
      </c>
      <c r="D133" s="11">
        <v>90000</v>
      </c>
      <c r="E133" s="11">
        <v>0</v>
      </c>
      <c r="F133" s="11">
        <v>0</v>
      </c>
      <c r="G133" s="11">
        <v>0</v>
      </c>
      <c r="H133" s="11">
        <v>0</v>
      </c>
      <c r="I133" s="11">
        <v>90000</v>
      </c>
    </row>
    <row r="134" spans="1:9" x14ac:dyDescent="0.25">
      <c r="A134" s="2" t="s">
        <v>251</v>
      </c>
      <c r="B134" s="4" t="s">
        <v>252</v>
      </c>
      <c r="C134" s="12">
        <v>90000</v>
      </c>
      <c r="D134" s="12">
        <v>90000</v>
      </c>
      <c r="E134" s="12">
        <v>0</v>
      </c>
      <c r="F134" s="12">
        <v>0</v>
      </c>
      <c r="G134" s="12">
        <v>0</v>
      </c>
      <c r="H134" s="12">
        <v>0</v>
      </c>
      <c r="I134" s="12">
        <v>90000</v>
      </c>
    </row>
    <row r="135" spans="1:9" x14ac:dyDescent="0.25">
      <c r="A135" s="2" t="s">
        <v>253</v>
      </c>
      <c r="B135" s="4" t="s">
        <v>254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5</v>
      </c>
      <c r="B136" s="4" t="s">
        <v>256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7</v>
      </c>
      <c r="B137" s="4" t="s">
        <v>258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9</v>
      </c>
      <c r="B138" s="4" t="s">
        <v>260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61</v>
      </c>
      <c r="B139" s="4" t="s">
        <v>262</v>
      </c>
      <c r="C139" s="12">
        <v>0</v>
      </c>
      <c r="D139" s="12">
        <v>0</v>
      </c>
      <c r="E139" s="12">
        <v>0</v>
      </c>
      <c r="F139" s="12">
        <v>0</v>
      </c>
      <c r="G139" s="12">
        <v>0</v>
      </c>
      <c r="H139" s="12">
        <v>0</v>
      </c>
      <c r="I139" s="12">
        <v>0</v>
      </c>
    </row>
    <row r="140" spans="1:9" x14ac:dyDescent="0.25">
      <c r="A140" s="2" t="s">
        <v>263</v>
      </c>
      <c r="B140" s="4" t="s">
        <v>264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5</v>
      </c>
      <c r="B141" s="4" t="s">
        <v>266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7</v>
      </c>
      <c r="B142" s="4" t="s">
        <v>268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9</v>
      </c>
      <c r="B143" s="5" t="s">
        <v>270</v>
      </c>
      <c r="C143" s="11">
        <v>0</v>
      </c>
      <c r="D143" s="11">
        <v>0</v>
      </c>
      <c r="E143" s="11">
        <v>0</v>
      </c>
      <c r="F143" s="11">
        <v>0</v>
      </c>
      <c r="G143" s="11">
        <v>0</v>
      </c>
      <c r="H143" s="11">
        <v>0</v>
      </c>
      <c r="I143" s="11">
        <v>0</v>
      </c>
    </row>
    <row r="144" spans="1:9" x14ac:dyDescent="0.25">
      <c r="A144" s="2" t="s">
        <v>271</v>
      </c>
      <c r="B144" s="4" t="s">
        <v>272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  <c r="H144" s="12">
        <v>0</v>
      </c>
      <c r="I144" s="12">
        <v>0</v>
      </c>
    </row>
    <row r="145" spans="1:9" x14ac:dyDescent="0.25">
      <c r="A145" s="2" t="s">
        <v>273</v>
      </c>
      <c r="B145" s="4" t="s">
        <v>274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5</v>
      </c>
      <c r="B146" s="4" t="s">
        <v>276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7</v>
      </c>
      <c r="B147" s="4" t="s">
        <v>278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9</v>
      </c>
      <c r="B148" s="4" t="s">
        <v>280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81</v>
      </c>
      <c r="B149" s="5" t="s">
        <v>282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3</v>
      </c>
      <c r="B150" s="4" t="s">
        <v>284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5</v>
      </c>
      <c r="B151" s="4" t="s">
        <v>286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7</v>
      </c>
      <c r="B152" s="4" t="s">
        <v>288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9</v>
      </c>
      <c r="B153" s="4" t="s">
        <v>290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91</v>
      </c>
      <c r="B154" s="4" t="s">
        <v>292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3</v>
      </c>
      <c r="B155" s="4" t="s">
        <v>294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5</v>
      </c>
      <c r="B156" s="4" t="s">
        <v>296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3" t="s">
        <v>297</v>
      </c>
      <c r="B157" s="5" t="s">
        <v>298</v>
      </c>
      <c r="C157" s="11">
        <v>420215500</v>
      </c>
      <c r="D157" s="11">
        <v>420215500</v>
      </c>
      <c r="E157" s="11">
        <v>1664237.71</v>
      </c>
      <c r="F157" s="11">
        <v>0.4</v>
      </c>
      <c r="G157" s="11">
        <v>1664237.71</v>
      </c>
      <c r="H157" s="11">
        <v>0.4</v>
      </c>
      <c r="I157" s="11">
        <v>418551262.29000002</v>
      </c>
    </row>
    <row r="158" spans="1:9" x14ac:dyDescent="0.25">
      <c r="A158" s="2" t="s">
        <v>299</v>
      </c>
      <c r="B158" s="4" t="s">
        <v>300</v>
      </c>
      <c r="C158" s="12">
        <v>0</v>
      </c>
      <c r="D158" s="12">
        <v>0</v>
      </c>
      <c r="E158" s="12">
        <v>0</v>
      </c>
      <c r="F158" s="12">
        <v>0</v>
      </c>
      <c r="G158" s="12">
        <v>0</v>
      </c>
      <c r="H158" s="12">
        <v>0</v>
      </c>
      <c r="I158" s="12">
        <v>0</v>
      </c>
    </row>
    <row r="159" spans="1:9" x14ac:dyDescent="0.25">
      <c r="A159" s="2" t="s">
        <v>301</v>
      </c>
      <c r="B159" s="4" t="s">
        <v>302</v>
      </c>
      <c r="C159" s="12">
        <v>10500000</v>
      </c>
      <c r="D159" s="12">
        <v>10500000</v>
      </c>
      <c r="E159" s="12">
        <v>1664237.71</v>
      </c>
      <c r="F159" s="12">
        <v>15.85</v>
      </c>
      <c r="G159" s="12">
        <v>1664237.71</v>
      </c>
      <c r="H159" s="12">
        <v>15.85</v>
      </c>
      <c r="I159" s="12">
        <v>8835762.2899999991</v>
      </c>
    </row>
    <row r="160" spans="1:9" x14ac:dyDescent="0.25">
      <c r="A160" s="2" t="s">
        <v>303</v>
      </c>
      <c r="B160" s="4" t="s">
        <v>304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  <c r="H160" s="12">
        <v>0</v>
      </c>
      <c r="I160" s="12">
        <v>0</v>
      </c>
    </row>
    <row r="161" spans="1:9" x14ac:dyDescent="0.25">
      <c r="A161" s="2" t="s">
        <v>305</v>
      </c>
      <c r="B161" s="4" t="s">
        <v>306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7</v>
      </c>
      <c r="B162" s="4" t="s">
        <v>308</v>
      </c>
      <c r="C162" s="12">
        <v>409715500</v>
      </c>
      <c r="D162" s="12">
        <v>409715500</v>
      </c>
      <c r="E162" s="12">
        <v>0</v>
      </c>
      <c r="F162" s="12">
        <v>0</v>
      </c>
      <c r="G162" s="12">
        <v>0</v>
      </c>
      <c r="H162" s="12">
        <v>0</v>
      </c>
      <c r="I162" s="12">
        <v>409715500</v>
      </c>
    </row>
    <row r="163" spans="1:9" x14ac:dyDescent="0.25">
      <c r="A163" s="3" t="s">
        <v>309</v>
      </c>
      <c r="B163" s="5" t="s">
        <v>310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11</v>
      </c>
      <c r="B164" s="5" t="s">
        <v>312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3</v>
      </c>
      <c r="B165" s="4" t="s">
        <v>314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5</v>
      </c>
      <c r="B166" s="4" t="s">
        <v>316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7</v>
      </c>
      <c r="B167" s="5" t="s">
        <v>318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9</v>
      </c>
      <c r="B168" s="4" t="s">
        <v>320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21</v>
      </c>
      <c r="B169" s="4" t="s">
        <v>322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3</v>
      </c>
      <c r="B170" s="4" t="s">
        <v>324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5</v>
      </c>
      <c r="B171" s="4" t="s">
        <v>326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7</v>
      </c>
      <c r="B172" s="5" t="s">
        <v>328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9</v>
      </c>
      <c r="B173" s="4" t="s">
        <v>284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30</v>
      </c>
      <c r="B174" s="4" t="s">
        <v>286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31</v>
      </c>
      <c r="B175" s="4" t="s">
        <v>288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2</v>
      </c>
      <c r="B176" s="4" t="s">
        <v>290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1" x14ac:dyDescent="0.25">
      <c r="A177" s="2" t="s">
        <v>333</v>
      </c>
      <c r="B177" s="4" t="s">
        <v>292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1" x14ac:dyDescent="0.25">
      <c r="A178" s="2" t="s">
        <v>334</v>
      </c>
      <c r="B178" s="4" t="s">
        <v>294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1" x14ac:dyDescent="0.25">
      <c r="A179" s="2" t="s">
        <v>335</v>
      </c>
      <c r="B179" s="4" t="s">
        <v>336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1" x14ac:dyDescent="0.25">
      <c r="A180" s="2" t="s">
        <v>337</v>
      </c>
      <c r="B180" s="4" t="s">
        <v>338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1" x14ac:dyDescent="0.25">
      <c r="A181" s="3" t="s">
        <v>339</v>
      </c>
      <c r="B181" s="5" t="s">
        <v>340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1" x14ac:dyDescent="0.25">
      <c r="A182" s="2" t="s">
        <v>341</v>
      </c>
      <c r="B182" s="4" t="s">
        <v>342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1" x14ac:dyDescent="0.25">
      <c r="A183" s="2" t="s">
        <v>343</v>
      </c>
      <c r="B183" s="4" t="s">
        <v>344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1" x14ac:dyDescent="0.25">
      <c r="A184" s="2" t="s">
        <v>345</v>
      </c>
      <c r="B184" s="4" t="s">
        <v>346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1" x14ac:dyDescent="0.25">
      <c r="A185" s="2" t="s">
        <v>347</v>
      </c>
      <c r="B185" s="4" t="s">
        <v>348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1" x14ac:dyDescent="0.25">
      <c r="A187" s="10" t="s">
        <v>6</v>
      </c>
      <c r="B187" s="10" t="s">
        <v>349</v>
      </c>
      <c r="C187" s="10" t="s">
        <v>168</v>
      </c>
      <c r="D187" s="10" t="s">
        <v>169</v>
      </c>
      <c r="E187" s="10" t="s">
        <v>170</v>
      </c>
      <c r="F187" s="10" t="s">
        <v>7</v>
      </c>
      <c r="G187" s="10" t="s">
        <v>173</v>
      </c>
      <c r="H187" s="10" t="s">
        <v>174</v>
      </c>
      <c r="I187" s="10" t="s">
        <v>7</v>
      </c>
      <c r="J187" s="10" t="s">
        <v>176</v>
      </c>
      <c r="K187" s="10" t="s">
        <v>177</v>
      </c>
    </row>
    <row r="188" spans="1:11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71</v>
      </c>
      <c r="F188" s="1" t="s">
        <v>172</v>
      </c>
      <c r="G188" s="10" t="s">
        <v>7</v>
      </c>
      <c r="H188" s="1" t="s">
        <v>171</v>
      </c>
      <c r="I188" s="1" t="s">
        <v>175</v>
      </c>
      <c r="J188" s="10" t="s">
        <v>7</v>
      </c>
      <c r="K188" s="10" t="s">
        <v>7</v>
      </c>
    </row>
    <row r="189" spans="1:11" x14ac:dyDescent="0.25">
      <c r="A189" s="3" t="s">
        <v>350</v>
      </c>
      <c r="B189" s="5" t="s">
        <v>351</v>
      </c>
      <c r="C189" s="11">
        <v>1852116800</v>
      </c>
      <c r="D189" s="11">
        <v>1427745098.3900001</v>
      </c>
      <c r="E189" s="11">
        <v>594136355.01999998</v>
      </c>
      <c r="F189" s="11">
        <v>594136355.01999998</v>
      </c>
      <c r="G189" s="11">
        <v>833608743.37</v>
      </c>
      <c r="H189" s="11">
        <v>364314318.13</v>
      </c>
      <c r="I189" s="11">
        <v>364314318.13</v>
      </c>
      <c r="J189" s="11">
        <v>1063430780.26</v>
      </c>
      <c r="K189" s="11">
        <v>262440301.05000001</v>
      </c>
    </row>
    <row r="190" spans="1:11" x14ac:dyDescent="0.25">
      <c r="A190" s="3" t="s">
        <v>352</v>
      </c>
      <c r="B190" s="5" t="s">
        <v>353</v>
      </c>
      <c r="C190" s="11">
        <v>1852116800</v>
      </c>
      <c r="D190" s="11">
        <v>1427745098.3900001</v>
      </c>
      <c r="E190" s="11">
        <v>594136355.01999998</v>
      </c>
      <c r="F190" s="11">
        <v>594136355.01999998</v>
      </c>
      <c r="G190" s="11">
        <v>833608743.37</v>
      </c>
      <c r="H190" s="11">
        <v>364314318.13</v>
      </c>
      <c r="I190" s="11">
        <v>364314318.13</v>
      </c>
      <c r="J190" s="11">
        <v>1063430780.26</v>
      </c>
      <c r="K190" s="11">
        <v>262440301.05000001</v>
      </c>
    </row>
    <row r="191" spans="1:11" x14ac:dyDescent="0.25">
      <c r="A191" s="2" t="s">
        <v>354</v>
      </c>
      <c r="B191" s="4" t="s">
        <v>355</v>
      </c>
      <c r="C191" s="12">
        <v>1754307200</v>
      </c>
      <c r="D191" s="12">
        <v>1330711198.3900001</v>
      </c>
      <c r="E191" s="12">
        <v>511187168.41000003</v>
      </c>
      <c r="F191" s="12">
        <v>511187168.41000003</v>
      </c>
      <c r="G191" s="12">
        <v>819524029.98000002</v>
      </c>
      <c r="H191" s="12">
        <v>348889018.92000002</v>
      </c>
      <c r="I191" s="12">
        <v>348889018.92000002</v>
      </c>
      <c r="J191" s="12">
        <v>981822179.47000003</v>
      </c>
      <c r="K191" s="12">
        <v>251977962.15000001</v>
      </c>
    </row>
    <row r="192" spans="1:11" x14ac:dyDescent="0.25">
      <c r="A192" s="2" t="s">
        <v>356</v>
      </c>
      <c r="B192" s="4" t="s">
        <v>357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</row>
    <row r="193" spans="1:11" x14ac:dyDescent="0.25">
      <c r="A193" s="2" t="s">
        <v>358</v>
      </c>
      <c r="B193" s="4" t="s">
        <v>359</v>
      </c>
      <c r="C193" s="12">
        <v>97809600</v>
      </c>
      <c r="D193" s="12">
        <v>97033900</v>
      </c>
      <c r="E193" s="12">
        <v>82949186.609999999</v>
      </c>
      <c r="F193" s="12">
        <v>82949186.609999999</v>
      </c>
      <c r="G193" s="12">
        <v>14084713.390000001</v>
      </c>
      <c r="H193" s="12">
        <v>15425299.210000001</v>
      </c>
      <c r="I193" s="12">
        <v>15425299.210000001</v>
      </c>
      <c r="J193" s="12">
        <v>81608600.790000007</v>
      </c>
      <c r="K193" s="12">
        <v>10462338.9</v>
      </c>
    </row>
    <row r="194" spans="1:11" x14ac:dyDescent="0.25">
      <c r="A194" s="3" t="s">
        <v>360</v>
      </c>
      <c r="B194" s="5" t="s">
        <v>361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</row>
    <row r="195" spans="1:11" x14ac:dyDescent="0.25">
      <c r="A195" s="2" t="s">
        <v>362</v>
      </c>
      <c r="B195" s="4" t="s">
        <v>363</v>
      </c>
      <c r="C195" s="12">
        <v>0</v>
      </c>
      <c r="D195" s="12">
        <v>0</v>
      </c>
      <c r="E195" s="12">
        <v>0</v>
      </c>
      <c r="F195" s="12">
        <v>0</v>
      </c>
      <c r="G195" s="12">
        <v>0</v>
      </c>
      <c r="H195" s="12">
        <v>0</v>
      </c>
      <c r="I195" s="12">
        <v>0</v>
      </c>
      <c r="J195" s="12">
        <v>0</v>
      </c>
      <c r="K195" s="12">
        <v>0</v>
      </c>
    </row>
    <row r="196" spans="1:11" x14ac:dyDescent="0.25">
      <c r="A196" s="2" t="s">
        <v>364</v>
      </c>
      <c r="B196" s="4" t="s">
        <v>365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</row>
    <row r="197" spans="1:11" x14ac:dyDescent="0.25">
      <c r="A197" s="2" t="s">
        <v>366</v>
      </c>
      <c r="B197" s="4" t="s">
        <v>367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</row>
    <row r="198" spans="1:11" x14ac:dyDescent="0.25">
      <c r="A198" s="2" t="s">
        <v>368</v>
      </c>
      <c r="B198" s="4" t="s">
        <v>369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workbookViewId="0"/>
  </sheetViews>
  <sheetFormatPr defaultRowHeight="15" x14ac:dyDescent="0.25"/>
  <cols>
    <col min="1" max="1" width="3.7109375" bestFit="1" customWidth="1"/>
    <col min="2" max="2" width="140.7109375" bestFit="1" customWidth="1"/>
    <col min="3" max="4" width="20.28515625" bestFit="1" customWidth="1"/>
    <col min="5" max="5" width="19.140625" bestFit="1" customWidth="1"/>
    <col min="6" max="6" width="13.7109375" bestFit="1" customWidth="1"/>
    <col min="7" max="7" width="17.28515625" bestFit="1" customWidth="1"/>
    <col min="8" max="8" width="12.140625" bestFit="1" customWidth="1"/>
    <col min="9" max="9" width="17.28515625" bestFit="1" customWidth="1"/>
    <col min="10" max="10" width="11.8554687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994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99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996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411</v>
      </c>
      <c r="F11" s="1" t="s">
        <v>997</v>
      </c>
    </row>
    <row r="12" spans="1:12" x14ac:dyDescent="0.25">
      <c r="A12" s="3" t="s">
        <v>17</v>
      </c>
      <c r="B12" s="5" t="s">
        <v>998</v>
      </c>
      <c r="C12" s="11">
        <v>14363536100</v>
      </c>
      <c r="D12" s="11">
        <v>14363536100</v>
      </c>
      <c r="E12" s="11">
        <v>2818139128.5999999</v>
      </c>
      <c r="F12" s="11">
        <v>19.62</v>
      </c>
    </row>
    <row r="13" spans="1:12" x14ac:dyDescent="0.25">
      <c r="A13" s="3" t="s">
        <v>19</v>
      </c>
      <c r="B13" s="5" t="s">
        <v>999</v>
      </c>
      <c r="C13" s="11">
        <v>12111311000</v>
      </c>
      <c r="D13" s="11">
        <v>12111311000</v>
      </c>
      <c r="E13" s="11">
        <v>2138437157.8399999</v>
      </c>
      <c r="F13" s="11">
        <v>17.66</v>
      </c>
    </row>
    <row r="14" spans="1:12" x14ac:dyDescent="0.25">
      <c r="A14" s="2" t="s">
        <v>21</v>
      </c>
      <c r="B14" s="4" t="s">
        <v>1000</v>
      </c>
      <c r="C14" s="12">
        <v>11809904900</v>
      </c>
      <c r="D14" s="12">
        <v>11809904900</v>
      </c>
      <c r="E14" s="12">
        <v>2106179618.1400001</v>
      </c>
      <c r="F14" s="12">
        <v>17.829999999999998</v>
      </c>
    </row>
    <row r="15" spans="1:12" x14ac:dyDescent="0.25">
      <c r="A15" s="2" t="s">
        <v>23</v>
      </c>
      <c r="B15" s="4" t="s">
        <v>1001</v>
      </c>
      <c r="C15" s="12">
        <v>185872000</v>
      </c>
      <c r="D15" s="12">
        <v>185872000</v>
      </c>
      <c r="E15" s="12">
        <v>16602686.890000001</v>
      </c>
      <c r="F15" s="12">
        <v>8.93</v>
      </c>
    </row>
    <row r="16" spans="1:12" x14ac:dyDescent="0.25">
      <c r="A16" s="2" t="s">
        <v>25</v>
      </c>
      <c r="B16" s="4" t="s">
        <v>1002</v>
      </c>
      <c r="C16" s="12">
        <v>115534100</v>
      </c>
      <c r="D16" s="12">
        <v>115534100</v>
      </c>
      <c r="E16" s="12">
        <v>15654852.810000001</v>
      </c>
      <c r="F16" s="12">
        <v>13.55</v>
      </c>
    </row>
    <row r="17" spans="1:6" x14ac:dyDescent="0.25">
      <c r="A17" s="3" t="s">
        <v>27</v>
      </c>
      <c r="B17" s="5" t="s">
        <v>1003</v>
      </c>
      <c r="C17" s="11">
        <v>295720100</v>
      </c>
      <c r="D17" s="11">
        <v>295720100</v>
      </c>
      <c r="E17" s="11">
        <v>52329151.210000001</v>
      </c>
      <c r="F17" s="11">
        <v>17.7</v>
      </c>
    </row>
    <row r="18" spans="1:6" x14ac:dyDescent="0.25">
      <c r="A18" s="2" t="s">
        <v>29</v>
      </c>
      <c r="B18" s="4" t="s">
        <v>1004</v>
      </c>
      <c r="C18" s="12">
        <v>295720100</v>
      </c>
      <c r="D18" s="12">
        <v>295720100</v>
      </c>
      <c r="E18" s="12">
        <v>52074184.259999998</v>
      </c>
      <c r="F18" s="12">
        <v>17.61</v>
      </c>
    </row>
    <row r="19" spans="1:6" x14ac:dyDescent="0.25">
      <c r="A19" s="2" t="s">
        <v>31</v>
      </c>
      <c r="B19" s="4" t="s">
        <v>1005</v>
      </c>
      <c r="C19" s="12">
        <v>0</v>
      </c>
      <c r="D19" s="12">
        <v>0</v>
      </c>
      <c r="E19" s="12">
        <v>254966.95</v>
      </c>
      <c r="F19" s="12">
        <v>0</v>
      </c>
    </row>
    <row r="20" spans="1:6" x14ac:dyDescent="0.25">
      <c r="A20" s="3" t="s">
        <v>33</v>
      </c>
      <c r="B20" s="5" t="s">
        <v>1006</v>
      </c>
      <c r="C20" s="11">
        <v>925275000</v>
      </c>
      <c r="D20" s="11">
        <v>925275000</v>
      </c>
      <c r="E20" s="11">
        <v>481381989.94999999</v>
      </c>
      <c r="F20" s="11">
        <v>52.03</v>
      </c>
    </row>
    <row r="21" spans="1:6" x14ac:dyDescent="0.25">
      <c r="A21" s="2" t="s">
        <v>35</v>
      </c>
      <c r="B21" s="4" t="s">
        <v>1007</v>
      </c>
      <c r="C21" s="12">
        <v>842427000</v>
      </c>
      <c r="D21" s="12">
        <v>842427000</v>
      </c>
      <c r="E21" s="12">
        <v>474153175.23000002</v>
      </c>
      <c r="F21" s="12">
        <v>56.28</v>
      </c>
    </row>
    <row r="22" spans="1:6" x14ac:dyDescent="0.25">
      <c r="A22" s="2" t="s">
        <v>37</v>
      </c>
      <c r="B22" s="4" t="s">
        <v>1008</v>
      </c>
      <c r="C22" s="12">
        <v>82848000</v>
      </c>
      <c r="D22" s="12">
        <v>82848000</v>
      </c>
      <c r="E22" s="12">
        <v>7228814.7199999997</v>
      </c>
      <c r="F22" s="12">
        <v>8.73</v>
      </c>
    </row>
    <row r="23" spans="1:6" x14ac:dyDescent="0.25">
      <c r="A23" s="2" t="s">
        <v>39</v>
      </c>
      <c r="B23" s="4" t="s">
        <v>1009</v>
      </c>
      <c r="C23" s="12">
        <v>1031230000</v>
      </c>
      <c r="D23" s="12">
        <v>1031230000</v>
      </c>
      <c r="E23" s="12">
        <v>145990829.59999999</v>
      </c>
      <c r="F23" s="12">
        <v>14.16</v>
      </c>
    </row>
    <row r="24" spans="1:6" x14ac:dyDescent="0.25">
      <c r="A24" s="3" t="s">
        <v>41</v>
      </c>
      <c r="B24" s="5" t="s">
        <v>1010</v>
      </c>
      <c r="C24" s="11">
        <v>1438221100</v>
      </c>
      <c r="D24" s="11">
        <v>1438221100</v>
      </c>
      <c r="E24" s="11">
        <v>438731660.17000002</v>
      </c>
      <c r="F24" s="11">
        <v>51.27</v>
      </c>
    </row>
    <row r="25" spans="1:6" x14ac:dyDescent="0.25">
      <c r="A25" s="2" t="s">
        <v>43</v>
      </c>
      <c r="B25" s="4" t="s">
        <v>1011</v>
      </c>
      <c r="C25" s="12">
        <v>1323420200</v>
      </c>
      <c r="D25" s="12">
        <v>1323420200</v>
      </c>
      <c r="E25" s="12">
        <v>415958333.74000001</v>
      </c>
      <c r="F25" s="12">
        <v>31.43</v>
      </c>
    </row>
    <row r="26" spans="1:6" x14ac:dyDescent="0.25">
      <c r="A26" s="2" t="s">
        <v>45</v>
      </c>
      <c r="B26" s="4" t="s">
        <v>1012</v>
      </c>
      <c r="C26" s="12">
        <v>114800900</v>
      </c>
      <c r="D26" s="12">
        <v>114800900</v>
      </c>
      <c r="E26" s="12">
        <v>22773326.43</v>
      </c>
      <c r="F26" s="12">
        <v>19.84</v>
      </c>
    </row>
    <row r="27" spans="1:6" x14ac:dyDescent="0.25">
      <c r="A27" s="3" t="s">
        <v>47</v>
      </c>
      <c r="B27" s="5" t="s">
        <v>1013</v>
      </c>
      <c r="C27" s="11">
        <v>0</v>
      </c>
      <c r="D27" s="11">
        <v>0</v>
      </c>
      <c r="E27" s="11">
        <v>0</v>
      </c>
      <c r="F27" s="11">
        <v>0</v>
      </c>
    </row>
    <row r="28" spans="1:6" x14ac:dyDescent="0.25">
      <c r="A28" s="2" t="s">
        <v>49</v>
      </c>
      <c r="B28" s="4" t="s">
        <v>1014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51</v>
      </c>
      <c r="B29" s="4" t="s">
        <v>1015</v>
      </c>
      <c r="C29" s="12">
        <v>0</v>
      </c>
      <c r="D29" s="12">
        <v>0</v>
      </c>
      <c r="E29" s="12">
        <v>0</v>
      </c>
      <c r="F29" s="12">
        <v>0</v>
      </c>
    </row>
    <row r="30" spans="1:6" x14ac:dyDescent="0.25">
      <c r="A30" s="3" t="s">
        <v>53</v>
      </c>
      <c r="B30" s="5" t="s">
        <v>1016</v>
      </c>
      <c r="C30" s="11">
        <v>3490281900</v>
      </c>
      <c r="D30" s="11">
        <v>3490281900</v>
      </c>
      <c r="E30" s="11">
        <v>777079903.20000005</v>
      </c>
      <c r="F30" s="11">
        <v>22.26</v>
      </c>
    </row>
    <row r="31" spans="1:6" x14ac:dyDescent="0.25">
      <c r="A31" s="2" t="s">
        <v>55</v>
      </c>
      <c r="B31" s="4" t="s">
        <v>1017</v>
      </c>
      <c r="C31" s="12">
        <v>2998944200</v>
      </c>
      <c r="D31" s="12">
        <v>2998944200</v>
      </c>
      <c r="E31" s="12">
        <v>530695576.36000001</v>
      </c>
      <c r="F31" s="12">
        <v>17.7</v>
      </c>
    </row>
    <row r="32" spans="1:6" x14ac:dyDescent="0.25">
      <c r="A32" s="2" t="s">
        <v>57</v>
      </c>
      <c r="B32" s="4" t="s">
        <v>1018</v>
      </c>
      <c r="C32" s="12">
        <v>462637500</v>
      </c>
      <c r="D32" s="12">
        <v>462637500</v>
      </c>
      <c r="E32" s="12">
        <v>240690995.27000001</v>
      </c>
      <c r="F32" s="12">
        <v>52.03</v>
      </c>
    </row>
    <row r="33" spans="1:10" x14ac:dyDescent="0.25">
      <c r="A33" s="2" t="s">
        <v>59</v>
      </c>
      <c r="B33" s="4" t="s">
        <v>1019</v>
      </c>
      <c r="C33" s="12">
        <v>28700200</v>
      </c>
      <c r="D33" s="12">
        <v>28700200</v>
      </c>
      <c r="E33" s="12">
        <v>5693331.5700000003</v>
      </c>
      <c r="F33" s="12">
        <v>19.84</v>
      </c>
    </row>
    <row r="34" spans="1:10" x14ac:dyDescent="0.25">
      <c r="A34" s="3" t="s">
        <v>61</v>
      </c>
      <c r="B34" s="5" t="s">
        <v>1020</v>
      </c>
      <c r="C34" s="11">
        <v>12311475300</v>
      </c>
      <c r="D34" s="11">
        <v>12311475300</v>
      </c>
      <c r="E34" s="11">
        <v>2479790885.5700002</v>
      </c>
      <c r="F34" s="11">
        <v>20.14</v>
      </c>
    </row>
    <row r="36" spans="1:10" x14ac:dyDescent="0.25">
      <c r="A36" s="10" t="s">
        <v>6</v>
      </c>
      <c r="B36" s="10" t="s">
        <v>1021</v>
      </c>
      <c r="C36" s="10" t="s">
        <v>409</v>
      </c>
      <c r="D36" s="10" t="s">
        <v>600</v>
      </c>
      <c r="E36" s="10" t="s">
        <v>170</v>
      </c>
      <c r="F36" s="10" t="s">
        <v>7</v>
      </c>
      <c r="G36" s="10" t="s">
        <v>174</v>
      </c>
      <c r="H36" s="10" t="s">
        <v>7</v>
      </c>
      <c r="I36" s="10" t="s">
        <v>1025</v>
      </c>
      <c r="J36" s="10" t="s">
        <v>1025</v>
      </c>
    </row>
    <row r="37" spans="1:10" ht="21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" t="s">
        <v>414</v>
      </c>
      <c r="F37" s="1" t="s">
        <v>1022</v>
      </c>
      <c r="G37" s="1" t="s">
        <v>1023</v>
      </c>
      <c r="H37" s="1" t="s">
        <v>1024</v>
      </c>
      <c r="I37" s="1" t="s">
        <v>172</v>
      </c>
      <c r="J37" s="1" t="s">
        <v>1026</v>
      </c>
    </row>
    <row r="38" spans="1:10" x14ac:dyDescent="0.25">
      <c r="A38" s="3" t="s">
        <v>63</v>
      </c>
      <c r="B38" s="5" t="s">
        <v>1027</v>
      </c>
      <c r="C38" s="11">
        <v>69740000</v>
      </c>
      <c r="D38" s="11">
        <v>69740000</v>
      </c>
      <c r="E38" s="11">
        <v>11996418.630000001</v>
      </c>
      <c r="F38" s="11">
        <v>17.2</v>
      </c>
      <c r="G38" s="11">
        <v>2551169.81</v>
      </c>
      <c r="H38" s="11">
        <v>3.66</v>
      </c>
      <c r="I38" s="11">
        <v>2518890.7000000002</v>
      </c>
      <c r="J38" s="11">
        <v>3.61</v>
      </c>
    </row>
    <row r="39" spans="1:10" x14ac:dyDescent="0.25">
      <c r="A39" s="2" t="s">
        <v>65</v>
      </c>
      <c r="B39" s="4" t="s">
        <v>1028</v>
      </c>
      <c r="C39" s="12">
        <v>69740000</v>
      </c>
      <c r="D39" s="12">
        <v>69740000</v>
      </c>
      <c r="E39" s="12">
        <v>11996418.630000001</v>
      </c>
      <c r="F39" s="12">
        <v>17.2</v>
      </c>
      <c r="G39" s="12">
        <v>2551169.81</v>
      </c>
      <c r="H39" s="12">
        <v>3.66</v>
      </c>
      <c r="I39" s="12">
        <v>2518890.7000000002</v>
      </c>
      <c r="J39" s="12">
        <v>3.61</v>
      </c>
    </row>
    <row r="40" spans="1:10" x14ac:dyDescent="0.25">
      <c r="A40" s="2" t="s">
        <v>67</v>
      </c>
      <c r="B40" s="4" t="s">
        <v>1029</v>
      </c>
      <c r="C40" s="12">
        <v>0</v>
      </c>
      <c r="D40" s="12">
        <v>0</v>
      </c>
      <c r="E40" s="12">
        <v>0</v>
      </c>
      <c r="F40" s="12">
        <v>0</v>
      </c>
      <c r="G40" s="12">
        <v>0</v>
      </c>
      <c r="H40" s="12">
        <v>0</v>
      </c>
      <c r="I40" s="12">
        <v>0</v>
      </c>
      <c r="J40" s="12">
        <v>0</v>
      </c>
    </row>
    <row r="41" spans="1:10" x14ac:dyDescent="0.25">
      <c r="A41" s="3" t="s">
        <v>69</v>
      </c>
      <c r="B41" s="5" t="s">
        <v>1030</v>
      </c>
      <c r="C41" s="11">
        <v>925169000</v>
      </c>
      <c r="D41" s="11">
        <v>881163027</v>
      </c>
      <c r="E41" s="11">
        <v>192219115.28</v>
      </c>
      <c r="F41" s="11">
        <v>35.369999999999997</v>
      </c>
      <c r="G41" s="11">
        <v>84885750.390000001</v>
      </c>
      <c r="H41" s="11">
        <v>10.14</v>
      </c>
      <c r="I41" s="11">
        <v>80280357.739999995</v>
      </c>
      <c r="J41" s="11">
        <v>9.59</v>
      </c>
    </row>
    <row r="42" spans="1:10" x14ac:dyDescent="0.25">
      <c r="A42" s="2" t="s">
        <v>71</v>
      </c>
      <c r="B42" s="4" t="s">
        <v>1028</v>
      </c>
      <c r="C42" s="12">
        <v>880960000</v>
      </c>
      <c r="D42" s="12">
        <v>836954027</v>
      </c>
      <c r="E42" s="12">
        <v>186431670.93000001</v>
      </c>
      <c r="F42" s="12">
        <v>22.28</v>
      </c>
      <c r="G42" s="12">
        <v>84883730.390000001</v>
      </c>
      <c r="H42" s="12">
        <v>10.14</v>
      </c>
      <c r="I42" s="12">
        <v>80278337.739999995</v>
      </c>
      <c r="J42" s="12">
        <v>9.59</v>
      </c>
    </row>
    <row r="43" spans="1:10" x14ac:dyDescent="0.25">
      <c r="A43" s="2" t="s">
        <v>73</v>
      </c>
      <c r="B43" s="4" t="s">
        <v>1031</v>
      </c>
      <c r="C43" s="12">
        <v>44209000</v>
      </c>
      <c r="D43" s="12">
        <v>44209000</v>
      </c>
      <c r="E43" s="12">
        <v>5787444.3499999996</v>
      </c>
      <c r="F43" s="12">
        <v>13.09</v>
      </c>
      <c r="G43" s="12">
        <v>2020</v>
      </c>
      <c r="H43" s="12">
        <v>0</v>
      </c>
      <c r="I43" s="12">
        <v>2020</v>
      </c>
      <c r="J43" s="12">
        <v>0</v>
      </c>
    </row>
    <row r="44" spans="1:10" x14ac:dyDescent="0.25">
      <c r="A44" s="3" t="s">
        <v>75</v>
      </c>
      <c r="B44" s="5" t="s">
        <v>1032</v>
      </c>
      <c r="C44" s="11">
        <v>54201000</v>
      </c>
      <c r="D44" s="11">
        <v>54201000</v>
      </c>
      <c r="E44" s="11">
        <v>8404148.5500000007</v>
      </c>
      <c r="F44" s="11">
        <v>15.51</v>
      </c>
      <c r="G44" s="11">
        <v>4074516.02</v>
      </c>
      <c r="H44" s="11">
        <v>7.52</v>
      </c>
      <c r="I44" s="11">
        <v>4027939.8</v>
      </c>
      <c r="J44" s="11">
        <v>7.43</v>
      </c>
    </row>
    <row r="45" spans="1:10" x14ac:dyDescent="0.25">
      <c r="A45" s="2" t="s">
        <v>77</v>
      </c>
      <c r="B45" s="4" t="s">
        <v>1028</v>
      </c>
      <c r="C45" s="12">
        <v>54201000</v>
      </c>
      <c r="D45" s="12">
        <v>54201000</v>
      </c>
      <c r="E45" s="12">
        <v>8404148.5500000007</v>
      </c>
      <c r="F45" s="12">
        <v>15.51</v>
      </c>
      <c r="G45" s="12">
        <v>4074516.02</v>
      </c>
      <c r="H45" s="12">
        <v>7.52</v>
      </c>
      <c r="I45" s="12">
        <v>4027939.8</v>
      </c>
      <c r="J45" s="12">
        <v>7.43</v>
      </c>
    </row>
    <row r="46" spans="1:10" x14ac:dyDescent="0.25">
      <c r="A46" s="2" t="s">
        <v>79</v>
      </c>
      <c r="B46" s="4" t="s">
        <v>1031</v>
      </c>
      <c r="C46" s="12">
        <v>0</v>
      </c>
      <c r="D46" s="12">
        <v>0</v>
      </c>
      <c r="E46" s="12">
        <v>0</v>
      </c>
      <c r="F46" s="12">
        <v>0</v>
      </c>
      <c r="G46" s="12">
        <v>0</v>
      </c>
      <c r="H46" s="12">
        <v>0</v>
      </c>
      <c r="I46" s="12">
        <v>0</v>
      </c>
      <c r="J46" s="12">
        <v>0</v>
      </c>
    </row>
    <row r="47" spans="1:10" x14ac:dyDescent="0.25">
      <c r="A47" s="3" t="s">
        <v>81</v>
      </c>
      <c r="B47" s="5" t="s">
        <v>1033</v>
      </c>
      <c r="C47" s="11">
        <v>500000</v>
      </c>
      <c r="D47" s="11">
        <v>500000</v>
      </c>
      <c r="E47" s="11">
        <v>378790.56</v>
      </c>
      <c r="F47" s="11">
        <v>75.760000000000005</v>
      </c>
      <c r="G47" s="11">
        <v>0</v>
      </c>
      <c r="H47" s="11">
        <v>0</v>
      </c>
      <c r="I47" s="11">
        <v>0</v>
      </c>
      <c r="J47" s="11">
        <v>0</v>
      </c>
    </row>
    <row r="48" spans="1:10" x14ac:dyDescent="0.25">
      <c r="A48" s="2" t="s">
        <v>83</v>
      </c>
      <c r="B48" s="4" t="s">
        <v>1028</v>
      </c>
      <c r="C48" s="12">
        <v>500000</v>
      </c>
      <c r="D48" s="12">
        <v>500000</v>
      </c>
      <c r="E48" s="12">
        <v>378790.56</v>
      </c>
      <c r="F48" s="12">
        <v>75.760000000000005</v>
      </c>
      <c r="G48" s="12">
        <v>0</v>
      </c>
      <c r="H48" s="12">
        <v>0</v>
      </c>
      <c r="I48" s="12">
        <v>0</v>
      </c>
      <c r="J48" s="12">
        <v>0</v>
      </c>
    </row>
    <row r="49" spans="1:10" x14ac:dyDescent="0.25">
      <c r="A49" s="2" t="s">
        <v>85</v>
      </c>
      <c r="B49" s="4" t="s">
        <v>1031</v>
      </c>
      <c r="C49" s="12">
        <v>0</v>
      </c>
      <c r="D49" s="12">
        <v>0</v>
      </c>
      <c r="E49" s="12">
        <v>0</v>
      </c>
      <c r="F49" s="12">
        <v>0</v>
      </c>
      <c r="G49" s="12">
        <v>0</v>
      </c>
      <c r="H49" s="12">
        <v>0</v>
      </c>
      <c r="I49" s="12">
        <v>0</v>
      </c>
      <c r="J49" s="12">
        <v>0</v>
      </c>
    </row>
    <row r="50" spans="1:10" x14ac:dyDescent="0.25">
      <c r="A50" s="3" t="s">
        <v>87</v>
      </c>
      <c r="B50" s="5" t="s">
        <v>1034</v>
      </c>
      <c r="C50" s="11">
        <v>20836000</v>
      </c>
      <c r="D50" s="11">
        <v>23336000</v>
      </c>
      <c r="E50" s="11">
        <v>7573724.9000000004</v>
      </c>
      <c r="F50" s="11">
        <v>45.35</v>
      </c>
      <c r="G50" s="11">
        <v>2327302.5</v>
      </c>
      <c r="H50" s="11">
        <v>10.81</v>
      </c>
      <c r="I50" s="11">
        <v>1002377.5</v>
      </c>
      <c r="J50" s="11">
        <v>4.66</v>
      </c>
    </row>
    <row r="51" spans="1:10" x14ac:dyDescent="0.25">
      <c r="A51" s="2" t="s">
        <v>89</v>
      </c>
      <c r="B51" s="4" t="s">
        <v>1028</v>
      </c>
      <c r="C51" s="12">
        <v>19615000</v>
      </c>
      <c r="D51" s="12">
        <v>21526400</v>
      </c>
      <c r="E51" s="12">
        <v>7372840.9000000004</v>
      </c>
      <c r="F51" s="12">
        <v>34.25</v>
      </c>
      <c r="G51" s="12">
        <v>2327302.5</v>
      </c>
      <c r="H51" s="12">
        <v>10.81</v>
      </c>
      <c r="I51" s="12">
        <v>1002377.5</v>
      </c>
      <c r="J51" s="12">
        <v>4.66</v>
      </c>
    </row>
    <row r="52" spans="1:10" x14ac:dyDescent="0.25">
      <c r="A52" s="2" t="s">
        <v>91</v>
      </c>
      <c r="B52" s="4" t="s">
        <v>1031</v>
      </c>
      <c r="C52" s="12">
        <v>1221000</v>
      </c>
      <c r="D52" s="12">
        <v>1809600</v>
      </c>
      <c r="E52" s="12">
        <v>200884</v>
      </c>
      <c r="F52" s="12">
        <v>11.1</v>
      </c>
      <c r="G52" s="12">
        <v>0</v>
      </c>
      <c r="H52" s="12">
        <v>0</v>
      </c>
      <c r="I52" s="12">
        <v>0</v>
      </c>
      <c r="J52" s="12">
        <v>0</v>
      </c>
    </row>
    <row r="53" spans="1:10" x14ac:dyDescent="0.25">
      <c r="A53" s="3" t="s">
        <v>93</v>
      </c>
      <c r="B53" s="5" t="s">
        <v>1035</v>
      </c>
      <c r="C53" s="11">
        <v>42206000</v>
      </c>
      <c r="D53" s="11">
        <v>42206000</v>
      </c>
      <c r="E53" s="11">
        <v>7749652.7800000003</v>
      </c>
      <c r="F53" s="11">
        <v>18.36</v>
      </c>
      <c r="G53" s="11">
        <v>3874826.39</v>
      </c>
      <c r="H53" s="11">
        <v>9.18</v>
      </c>
      <c r="I53" s="11">
        <v>0</v>
      </c>
      <c r="J53" s="11">
        <v>0</v>
      </c>
    </row>
    <row r="54" spans="1:10" x14ac:dyDescent="0.25">
      <c r="A54" s="2" t="s">
        <v>95</v>
      </c>
      <c r="B54" s="4" t="s">
        <v>1028</v>
      </c>
      <c r="C54" s="12">
        <v>42206000</v>
      </c>
      <c r="D54" s="12">
        <v>42206000</v>
      </c>
      <c r="E54" s="12">
        <v>7749652.7800000003</v>
      </c>
      <c r="F54" s="12">
        <v>18.36</v>
      </c>
      <c r="G54" s="12">
        <v>3874826.39</v>
      </c>
      <c r="H54" s="12">
        <v>9.18</v>
      </c>
      <c r="I54" s="12">
        <v>0</v>
      </c>
      <c r="J54" s="12">
        <v>0</v>
      </c>
    </row>
    <row r="55" spans="1:10" x14ac:dyDescent="0.25">
      <c r="A55" s="2" t="s">
        <v>97</v>
      </c>
      <c r="B55" s="4" t="s">
        <v>1031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</row>
    <row r="56" spans="1:10" x14ac:dyDescent="0.25">
      <c r="A56" s="3" t="s">
        <v>99</v>
      </c>
      <c r="B56" s="5" t="s">
        <v>1036</v>
      </c>
      <c r="C56" s="11">
        <v>377210900</v>
      </c>
      <c r="D56" s="11">
        <v>418716873</v>
      </c>
      <c r="E56" s="11">
        <v>215013734.97999999</v>
      </c>
      <c r="F56" s="11">
        <v>55.12</v>
      </c>
      <c r="G56" s="11">
        <v>91139235.140000001</v>
      </c>
      <c r="H56" s="11">
        <v>22.7</v>
      </c>
      <c r="I56" s="11">
        <v>78026905.75</v>
      </c>
      <c r="J56" s="11">
        <v>19.47</v>
      </c>
    </row>
    <row r="57" spans="1:10" x14ac:dyDescent="0.25">
      <c r="A57" s="2" t="s">
        <v>101</v>
      </c>
      <c r="B57" s="4" t="s">
        <v>1028</v>
      </c>
      <c r="C57" s="12">
        <v>363569700</v>
      </c>
      <c r="D57" s="12">
        <v>406068566</v>
      </c>
      <c r="E57" s="12">
        <v>214730179.86000001</v>
      </c>
      <c r="F57" s="12">
        <v>52.88</v>
      </c>
      <c r="G57" s="12">
        <v>91106507.900000006</v>
      </c>
      <c r="H57" s="12">
        <v>22.44</v>
      </c>
      <c r="I57" s="12">
        <v>77994178.510000005</v>
      </c>
      <c r="J57" s="12">
        <v>19.21</v>
      </c>
    </row>
    <row r="58" spans="1:10" x14ac:dyDescent="0.25">
      <c r="A58" s="2" t="s">
        <v>103</v>
      </c>
      <c r="B58" s="4" t="s">
        <v>1031</v>
      </c>
      <c r="C58" s="12">
        <v>13641200</v>
      </c>
      <c r="D58" s="12">
        <v>12648307</v>
      </c>
      <c r="E58" s="12">
        <v>283555.12</v>
      </c>
      <c r="F58" s="12">
        <v>2.2400000000000002</v>
      </c>
      <c r="G58" s="12">
        <v>32727.24</v>
      </c>
      <c r="H58" s="12">
        <v>0.26</v>
      </c>
      <c r="I58" s="12">
        <v>32727.24</v>
      </c>
      <c r="J58" s="12">
        <v>0.26</v>
      </c>
    </row>
    <row r="59" spans="1:10" x14ac:dyDescent="0.25">
      <c r="A59" s="3" t="s">
        <v>105</v>
      </c>
      <c r="B59" s="5" t="s">
        <v>1037</v>
      </c>
      <c r="C59" s="11">
        <v>1489862900</v>
      </c>
      <c r="D59" s="11">
        <v>1489862900</v>
      </c>
      <c r="E59" s="11">
        <v>443335585.68000001</v>
      </c>
      <c r="F59" s="11">
        <v>29.76</v>
      </c>
      <c r="G59" s="11">
        <v>188852800.25</v>
      </c>
      <c r="H59" s="11">
        <v>12.68</v>
      </c>
      <c r="I59" s="11">
        <v>165856471.49000001</v>
      </c>
      <c r="J59" s="11">
        <v>11.13</v>
      </c>
    </row>
    <row r="61" spans="1:10" x14ac:dyDescent="0.25">
      <c r="A61" s="10" t="s">
        <v>6</v>
      </c>
      <c r="B61" s="10" t="s">
        <v>1038</v>
      </c>
      <c r="C61" s="10" t="s">
        <v>1039</v>
      </c>
      <c r="D61" s="10" t="s">
        <v>1040</v>
      </c>
      <c r="E61" s="10" t="s">
        <v>1041</v>
      </c>
    </row>
    <row r="62" spans="1:10" x14ac:dyDescent="0.25">
      <c r="A62" s="10" t="s">
        <v>7</v>
      </c>
      <c r="B62" s="10" t="s">
        <v>7</v>
      </c>
      <c r="C62" s="10" t="s">
        <v>7</v>
      </c>
      <c r="D62" s="10" t="s">
        <v>7</v>
      </c>
      <c r="E62" s="10" t="s">
        <v>7</v>
      </c>
    </row>
    <row r="63" spans="1:10" x14ac:dyDescent="0.25">
      <c r="A63" s="2" t="s">
        <v>107</v>
      </c>
      <c r="B63" s="4" t="s">
        <v>1042</v>
      </c>
      <c r="C63" s="12">
        <v>443335585.68000001</v>
      </c>
      <c r="D63" s="12">
        <v>188852800.25</v>
      </c>
      <c r="E63" s="12">
        <v>165856471.49000001</v>
      </c>
    </row>
    <row r="64" spans="1:10" x14ac:dyDescent="0.25">
      <c r="A64" s="2" t="s">
        <v>109</v>
      </c>
      <c r="B64" s="4" t="s">
        <v>1043</v>
      </c>
      <c r="C64" s="12">
        <v>0</v>
      </c>
      <c r="D64" s="12">
        <v>0</v>
      </c>
      <c r="E64" s="12">
        <v>0</v>
      </c>
    </row>
    <row r="65" spans="1:5" x14ac:dyDescent="0.25">
      <c r="A65" s="2" t="s">
        <v>111</v>
      </c>
      <c r="B65" s="4" t="s">
        <v>1044</v>
      </c>
      <c r="C65" s="12">
        <v>0</v>
      </c>
      <c r="D65" s="12">
        <v>0</v>
      </c>
      <c r="E65" s="12">
        <v>0</v>
      </c>
    </row>
    <row r="66" spans="1:5" x14ac:dyDescent="0.25">
      <c r="A66" s="2" t="s">
        <v>113</v>
      </c>
      <c r="B66" s="4" t="s">
        <v>1045</v>
      </c>
      <c r="C66" s="12">
        <v>0</v>
      </c>
      <c r="D66" s="12">
        <v>0</v>
      </c>
      <c r="E66" s="12">
        <v>0</v>
      </c>
    </row>
    <row r="67" spans="1:5" x14ac:dyDescent="0.25">
      <c r="A67" s="2" t="s">
        <v>115</v>
      </c>
      <c r="B67" s="4" t="s">
        <v>1046</v>
      </c>
      <c r="C67" s="12">
        <v>443335585.68000001</v>
      </c>
      <c r="D67" s="12">
        <v>188852800.25</v>
      </c>
      <c r="E67" s="12">
        <v>165856471.49000001</v>
      </c>
    </row>
    <row r="69" spans="1:5" x14ac:dyDescent="0.25">
      <c r="A69" s="10" t="s">
        <v>6</v>
      </c>
      <c r="B69" s="10" t="s">
        <v>1047</v>
      </c>
      <c r="C69" s="10" t="s">
        <v>1048</v>
      </c>
    </row>
    <row r="70" spans="1:5" x14ac:dyDescent="0.25">
      <c r="A70" s="10" t="s">
        <v>7</v>
      </c>
      <c r="B70" s="10" t="s">
        <v>7</v>
      </c>
      <c r="C70" s="10" t="s">
        <v>7</v>
      </c>
    </row>
    <row r="71" spans="1:5" x14ac:dyDescent="0.25">
      <c r="A71" s="2" t="s">
        <v>117</v>
      </c>
      <c r="B71" s="4" t="s">
        <v>1049</v>
      </c>
      <c r="C71" s="12">
        <v>297574906.26999998</v>
      </c>
    </row>
    <row r="72" spans="1:5" x14ac:dyDescent="0.25">
      <c r="A72" s="2" t="s">
        <v>119</v>
      </c>
      <c r="B72" s="4" t="s">
        <v>1050</v>
      </c>
      <c r="C72" s="12">
        <v>0</v>
      </c>
    </row>
    <row r="74" spans="1:5" x14ac:dyDescent="0.25">
      <c r="A74" s="10" t="s">
        <v>6</v>
      </c>
      <c r="B74" s="10" t="s">
        <v>1051</v>
      </c>
      <c r="C74" s="10" t="s">
        <v>1039</v>
      </c>
      <c r="D74" s="10" t="s">
        <v>1040</v>
      </c>
      <c r="E74" s="10" t="s">
        <v>1041</v>
      </c>
    </row>
    <row r="75" spans="1:5" x14ac:dyDescent="0.25">
      <c r="A75" s="10" t="s">
        <v>7</v>
      </c>
      <c r="B75" s="10" t="s">
        <v>7</v>
      </c>
      <c r="C75" s="10" t="s">
        <v>7</v>
      </c>
      <c r="D75" s="10" t="s">
        <v>7</v>
      </c>
      <c r="E75" s="10" t="s">
        <v>7</v>
      </c>
    </row>
    <row r="76" spans="1:5" x14ac:dyDescent="0.25">
      <c r="A76" s="2" t="s">
        <v>120</v>
      </c>
      <c r="B76" s="4" t="s">
        <v>1052</v>
      </c>
      <c r="C76" s="12">
        <v>0</v>
      </c>
      <c r="D76" s="12">
        <v>-108722106.02</v>
      </c>
      <c r="E76" s="12">
        <v>0</v>
      </c>
    </row>
    <row r="78" spans="1:5" x14ac:dyDescent="0.25">
      <c r="A78" s="10" t="s">
        <v>6</v>
      </c>
      <c r="B78" s="10" t="s">
        <v>1053</v>
      </c>
      <c r="C78" s="10" t="s">
        <v>1053</v>
      </c>
    </row>
    <row r="79" spans="1:5" x14ac:dyDescent="0.25">
      <c r="A79" s="10" t="s">
        <v>7</v>
      </c>
      <c r="B79" s="10" t="s">
        <v>7</v>
      </c>
      <c r="C79" s="10" t="s">
        <v>7</v>
      </c>
    </row>
    <row r="80" spans="1:5" x14ac:dyDescent="0.25">
      <c r="A80" s="2" t="s">
        <v>121</v>
      </c>
      <c r="B80" s="4" t="s">
        <v>1054</v>
      </c>
      <c r="C80" s="12">
        <v>-108722106.02</v>
      </c>
    </row>
    <row r="82" spans="1:12" x14ac:dyDescent="0.25">
      <c r="A82" s="10" t="s">
        <v>6</v>
      </c>
      <c r="B82" s="10" t="s">
        <v>1055</v>
      </c>
      <c r="C82" s="10" t="s">
        <v>1039</v>
      </c>
      <c r="D82" s="10" t="s">
        <v>1040</v>
      </c>
    </row>
    <row r="83" spans="1:12" x14ac:dyDescent="0.25">
      <c r="A83" s="10" t="s">
        <v>7</v>
      </c>
      <c r="B83" s="10" t="s">
        <v>7</v>
      </c>
      <c r="C83" s="10" t="s">
        <v>7</v>
      </c>
      <c r="D83" s="10" t="s">
        <v>7</v>
      </c>
    </row>
    <row r="84" spans="1:12" x14ac:dyDescent="0.25">
      <c r="A84" s="2" t="s">
        <v>122</v>
      </c>
      <c r="B84" s="4" t="s">
        <v>1056</v>
      </c>
      <c r="C84" s="12">
        <v>17.88</v>
      </c>
      <c r="D84" s="12">
        <v>7.62</v>
      </c>
    </row>
    <row r="86" spans="1:12" x14ac:dyDescent="0.25">
      <c r="A86" s="10" t="s">
        <v>6</v>
      </c>
      <c r="B86" s="10" t="s">
        <v>1057</v>
      </c>
      <c r="C86" s="10" t="s">
        <v>1058</v>
      </c>
      <c r="D86" s="10" t="s">
        <v>1059</v>
      </c>
      <c r="E86" s="10" t="s">
        <v>7</v>
      </c>
      <c r="F86" s="10" t="s">
        <v>7</v>
      </c>
      <c r="G86" s="10" t="s">
        <v>1063</v>
      </c>
    </row>
    <row r="87" spans="1:12" ht="21" x14ac:dyDescent="0.25">
      <c r="A87" s="10" t="s">
        <v>7</v>
      </c>
      <c r="B87" s="10" t="s">
        <v>7</v>
      </c>
      <c r="C87" s="10" t="s">
        <v>7</v>
      </c>
      <c r="D87" s="1" t="s">
        <v>1060</v>
      </c>
      <c r="E87" s="1" t="s">
        <v>1061</v>
      </c>
      <c r="F87" s="1" t="s">
        <v>1062</v>
      </c>
      <c r="G87" s="10" t="s">
        <v>7</v>
      </c>
    </row>
    <row r="88" spans="1:12" x14ac:dyDescent="0.25">
      <c r="A88" s="2" t="s">
        <v>123</v>
      </c>
      <c r="B88" s="4" t="s">
        <v>1064</v>
      </c>
      <c r="C88" s="12">
        <v>0</v>
      </c>
      <c r="D88" s="12">
        <v>0</v>
      </c>
      <c r="E88" s="12">
        <v>0</v>
      </c>
      <c r="F88" s="12">
        <v>0</v>
      </c>
      <c r="G88" s="12">
        <v>0</v>
      </c>
    </row>
    <row r="89" spans="1:12" x14ac:dyDescent="0.25">
      <c r="A89" s="2" t="s">
        <v>124</v>
      </c>
      <c r="B89" s="4" t="s">
        <v>1065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</row>
    <row r="90" spans="1:12" x14ac:dyDescent="0.25">
      <c r="A90" s="2" t="s">
        <v>125</v>
      </c>
      <c r="B90" s="4" t="s">
        <v>1066</v>
      </c>
      <c r="C90" s="12">
        <v>0</v>
      </c>
      <c r="D90" s="12">
        <v>0</v>
      </c>
      <c r="E90" s="12">
        <v>0</v>
      </c>
      <c r="F90" s="12">
        <v>0</v>
      </c>
      <c r="G90" s="12">
        <v>0</v>
      </c>
    </row>
    <row r="91" spans="1:12" x14ac:dyDescent="0.25">
      <c r="A91" s="2" t="s">
        <v>127</v>
      </c>
      <c r="B91" s="4" t="s">
        <v>1067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</row>
    <row r="93" spans="1:12" x14ac:dyDescent="0.25">
      <c r="A93" s="10" t="s">
        <v>6</v>
      </c>
      <c r="B93" s="10" t="s">
        <v>1068</v>
      </c>
      <c r="C93" s="10" t="s">
        <v>1069</v>
      </c>
      <c r="D93" s="10" t="s">
        <v>1070</v>
      </c>
      <c r="E93" s="10" t="s">
        <v>1071</v>
      </c>
      <c r="F93" s="10" t="s">
        <v>1072</v>
      </c>
      <c r="G93" s="10" t="s">
        <v>1073</v>
      </c>
      <c r="H93" s="10" t="s">
        <v>1074</v>
      </c>
      <c r="I93" s="10" t="s">
        <v>1075</v>
      </c>
      <c r="J93" s="10" t="s">
        <v>1076</v>
      </c>
      <c r="K93" s="10" t="s">
        <v>1077</v>
      </c>
      <c r="L93" s="10" t="s">
        <v>1078</v>
      </c>
    </row>
    <row r="94" spans="1:12" x14ac:dyDescent="0.25">
      <c r="A94" s="10" t="s">
        <v>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0" t="s">
        <v>7</v>
      </c>
      <c r="H94" s="10" t="s">
        <v>7</v>
      </c>
      <c r="I94" s="10" t="s">
        <v>7</v>
      </c>
      <c r="J94" s="10" t="s">
        <v>7</v>
      </c>
      <c r="K94" s="10" t="s">
        <v>7</v>
      </c>
      <c r="L94" s="10" t="s">
        <v>7</v>
      </c>
    </row>
    <row r="95" spans="1:12" x14ac:dyDescent="0.25">
      <c r="A95" s="2" t="s">
        <v>129</v>
      </c>
      <c r="B95" s="4" t="s">
        <v>1079</v>
      </c>
      <c r="C95" s="12">
        <v>0</v>
      </c>
      <c r="D95" s="12">
        <v>0</v>
      </c>
      <c r="E95" s="12">
        <v>0</v>
      </c>
      <c r="F95" s="12">
        <v>0</v>
      </c>
      <c r="G95" s="12">
        <v>0</v>
      </c>
      <c r="H95" s="12">
        <v>0</v>
      </c>
      <c r="I95" s="12">
        <v>0</v>
      </c>
      <c r="J95" s="12">
        <v>0</v>
      </c>
      <c r="K95" s="12">
        <v>0</v>
      </c>
      <c r="L95" s="12">
        <v>0</v>
      </c>
    </row>
    <row r="96" spans="1:12" x14ac:dyDescent="0.25">
      <c r="A96" s="2" t="s">
        <v>131</v>
      </c>
      <c r="B96" s="4" t="s">
        <v>1080</v>
      </c>
      <c r="C96" s="12">
        <v>0</v>
      </c>
      <c r="D96" s="12">
        <v>0</v>
      </c>
      <c r="E96" s="12">
        <v>0</v>
      </c>
      <c r="F96" s="12">
        <v>0</v>
      </c>
      <c r="G96" s="12">
        <v>0</v>
      </c>
      <c r="H96" s="12">
        <v>0</v>
      </c>
      <c r="I96" s="12">
        <v>0</v>
      </c>
      <c r="J96" s="12">
        <v>0</v>
      </c>
      <c r="K96" s="12">
        <v>0</v>
      </c>
      <c r="L96" s="12">
        <v>0</v>
      </c>
    </row>
    <row r="97" spans="1:12" x14ac:dyDescent="0.25">
      <c r="A97" s="2" t="s">
        <v>133</v>
      </c>
      <c r="B97" s="4" t="s">
        <v>1081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2" t="s">
        <v>135</v>
      </c>
      <c r="B98" s="4" t="s">
        <v>1082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  <c r="H98" s="12">
        <v>0</v>
      </c>
      <c r="I98" s="12">
        <v>0</v>
      </c>
      <c r="J98" s="12">
        <v>0</v>
      </c>
      <c r="K98" s="12">
        <v>0</v>
      </c>
      <c r="L98" s="12">
        <v>0</v>
      </c>
    </row>
    <row r="99" spans="1:12" x14ac:dyDescent="0.25">
      <c r="A99" s="2" t="s">
        <v>137</v>
      </c>
      <c r="B99" s="4" t="s">
        <v>1083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  <c r="H99" s="12">
        <v>0</v>
      </c>
      <c r="I99" s="12">
        <v>0</v>
      </c>
      <c r="J99" s="12">
        <v>0</v>
      </c>
      <c r="K99" s="12">
        <v>0</v>
      </c>
      <c r="L99" s="12">
        <v>0</v>
      </c>
    </row>
    <row r="101" spans="1:12" x14ac:dyDescent="0.25">
      <c r="A101" s="10" t="s">
        <v>6</v>
      </c>
      <c r="B101" s="10" t="s">
        <v>7</v>
      </c>
      <c r="C101" s="10" t="s">
        <v>398</v>
      </c>
    </row>
    <row r="102" spans="1:12" x14ac:dyDescent="0.25">
      <c r="A102" s="10" t="s">
        <v>7</v>
      </c>
      <c r="B102" s="10" t="s">
        <v>7</v>
      </c>
      <c r="C102" s="10" t="s">
        <v>7</v>
      </c>
    </row>
    <row r="103" spans="1:12" x14ac:dyDescent="0.25">
      <c r="A103" s="2" t="s">
        <v>139</v>
      </c>
      <c r="B103" s="4" t="s">
        <v>1084</v>
      </c>
      <c r="C103" s="12">
        <v>0</v>
      </c>
    </row>
    <row r="104" spans="1:12" x14ac:dyDescent="0.25">
      <c r="A104" s="2" t="s">
        <v>141</v>
      </c>
      <c r="B104" s="4" t="s">
        <v>1085</v>
      </c>
      <c r="C104" s="12">
        <v>0</v>
      </c>
    </row>
    <row r="105" spans="1:12" x14ac:dyDescent="0.25">
      <c r="A105" s="2" t="s">
        <v>143</v>
      </c>
      <c r="B105" s="4" t="s">
        <v>1086</v>
      </c>
      <c r="C105" s="12">
        <v>0</v>
      </c>
    </row>
    <row r="107" spans="1:12" x14ac:dyDescent="0.25">
      <c r="A107" s="10" t="s">
        <v>6</v>
      </c>
      <c r="B107" s="10" t="s">
        <v>1087</v>
      </c>
      <c r="C107" s="10" t="s">
        <v>1088</v>
      </c>
      <c r="D107" s="10" t="s">
        <v>1059</v>
      </c>
      <c r="E107" s="10" t="s">
        <v>7</v>
      </c>
      <c r="F107" s="10" t="s">
        <v>7</v>
      </c>
      <c r="G107" s="10" t="s">
        <v>1092</v>
      </c>
    </row>
    <row r="108" spans="1:12" ht="21" x14ac:dyDescent="0.25">
      <c r="A108" s="10" t="s">
        <v>7</v>
      </c>
      <c r="B108" s="10" t="s">
        <v>7</v>
      </c>
      <c r="C108" s="10" t="s">
        <v>7</v>
      </c>
      <c r="D108" s="1" t="s">
        <v>1089</v>
      </c>
      <c r="E108" s="1" t="s">
        <v>1090</v>
      </c>
      <c r="F108" s="1" t="s">
        <v>1091</v>
      </c>
      <c r="G108" s="10" t="s">
        <v>7</v>
      </c>
    </row>
    <row r="109" spans="1:12" x14ac:dyDescent="0.25">
      <c r="A109" s="2" t="s">
        <v>145</v>
      </c>
      <c r="B109" s="4" t="s">
        <v>1093</v>
      </c>
      <c r="C109" s="12">
        <v>0</v>
      </c>
      <c r="D109" s="12">
        <v>0</v>
      </c>
      <c r="E109" s="12">
        <v>0</v>
      </c>
      <c r="F109" s="12">
        <v>0</v>
      </c>
      <c r="G109" s="12">
        <v>0</v>
      </c>
    </row>
    <row r="110" spans="1:12" x14ac:dyDescent="0.25">
      <c r="A110" s="2" t="s">
        <v>147</v>
      </c>
      <c r="B110" s="4" t="s">
        <v>1094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</row>
    <row r="111" spans="1:12" x14ac:dyDescent="0.25">
      <c r="A111" s="2" t="s">
        <v>149</v>
      </c>
      <c r="B111" s="4" t="s">
        <v>1095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</row>
    <row r="112" spans="1:12" x14ac:dyDescent="0.25">
      <c r="A112" s="2" t="s">
        <v>151</v>
      </c>
      <c r="B112" s="4" t="s">
        <v>1096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</row>
    <row r="114" spans="1:10" x14ac:dyDescent="0.25">
      <c r="A114" s="10" t="s">
        <v>6</v>
      </c>
      <c r="B114" s="10" t="s">
        <v>1097</v>
      </c>
      <c r="C114" s="10" t="s">
        <v>9</v>
      </c>
      <c r="D114" s="10" t="s">
        <v>10</v>
      </c>
      <c r="E114" s="10" t="s">
        <v>11</v>
      </c>
      <c r="F114" s="10" t="s">
        <v>11</v>
      </c>
    </row>
    <row r="115" spans="1:10" ht="21" x14ac:dyDescent="0.25">
      <c r="A115" s="10" t="s">
        <v>7</v>
      </c>
      <c r="B115" s="10" t="s">
        <v>7</v>
      </c>
      <c r="C115" s="10" t="s">
        <v>7</v>
      </c>
      <c r="D115" s="10" t="s">
        <v>7</v>
      </c>
      <c r="E115" s="1" t="s">
        <v>1098</v>
      </c>
      <c r="F115" s="1" t="s">
        <v>997</v>
      </c>
    </row>
    <row r="116" spans="1:10" x14ac:dyDescent="0.25">
      <c r="A116" s="3" t="s">
        <v>153</v>
      </c>
      <c r="B116" s="5" t="s">
        <v>1099</v>
      </c>
      <c r="C116" s="11">
        <v>332145900</v>
      </c>
      <c r="D116" s="11">
        <v>332145900</v>
      </c>
      <c r="E116" s="11">
        <v>38988022</v>
      </c>
      <c r="F116" s="11">
        <v>11.74</v>
      </c>
    </row>
    <row r="117" spans="1:10" x14ac:dyDescent="0.25">
      <c r="A117" s="2" t="s">
        <v>154</v>
      </c>
      <c r="B117" s="4" t="s">
        <v>1100</v>
      </c>
      <c r="C117" s="12">
        <v>332145900</v>
      </c>
      <c r="D117" s="12">
        <v>332145900</v>
      </c>
      <c r="E117" s="12">
        <v>38988022</v>
      </c>
      <c r="F117" s="12">
        <v>11.74</v>
      </c>
    </row>
    <row r="118" spans="1:10" x14ac:dyDescent="0.25">
      <c r="A118" s="2" t="s">
        <v>155</v>
      </c>
      <c r="B118" s="4" t="s">
        <v>1101</v>
      </c>
      <c r="C118" s="12">
        <v>0</v>
      </c>
      <c r="D118" s="12">
        <v>0</v>
      </c>
      <c r="E118" s="12">
        <v>0</v>
      </c>
      <c r="F118" s="12">
        <v>0</v>
      </c>
    </row>
    <row r="119" spans="1:10" x14ac:dyDescent="0.25">
      <c r="A119" s="2" t="s">
        <v>157</v>
      </c>
      <c r="B119" s="4" t="s">
        <v>1102</v>
      </c>
      <c r="C119" s="12">
        <v>0</v>
      </c>
      <c r="D119" s="12">
        <v>0</v>
      </c>
      <c r="E119" s="12">
        <v>0</v>
      </c>
      <c r="F119" s="12">
        <v>0</v>
      </c>
    </row>
    <row r="120" spans="1:10" x14ac:dyDescent="0.25">
      <c r="A120" s="2" t="s">
        <v>159</v>
      </c>
      <c r="B120" s="4" t="s">
        <v>1103</v>
      </c>
      <c r="C120" s="12">
        <v>0</v>
      </c>
      <c r="D120" s="12">
        <v>0</v>
      </c>
      <c r="E120" s="12">
        <v>0</v>
      </c>
      <c r="F120" s="12">
        <v>0</v>
      </c>
    </row>
    <row r="121" spans="1:10" x14ac:dyDescent="0.25">
      <c r="A121" s="2" t="s">
        <v>161</v>
      </c>
      <c r="B121" s="4" t="s">
        <v>1104</v>
      </c>
      <c r="C121" s="12">
        <v>738000</v>
      </c>
      <c r="D121" s="12">
        <v>738000</v>
      </c>
      <c r="E121" s="12">
        <v>31842.02</v>
      </c>
      <c r="F121" s="12">
        <v>4.3099999999999996</v>
      </c>
    </row>
    <row r="122" spans="1:10" x14ac:dyDescent="0.25">
      <c r="A122" s="3" t="s">
        <v>163</v>
      </c>
      <c r="B122" s="5" t="s">
        <v>1105</v>
      </c>
      <c r="C122" s="11">
        <v>332883900</v>
      </c>
      <c r="D122" s="11">
        <v>332883900</v>
      </c>
      <c r="E122" s="11">
        <v>39019864.020000003</v>
      </c>
      <c r="F122" s="11">
        <v>11.72</v>
      </c>
    </row>
    <row r="124" spans="1:10" x14ac:dyDescent="0.25">
      <c r="A124" s="10" t="s">
        <v>6</v>
      </c>
      <c r="B124" s="10" t="s">
        <v>1106</v>
      </c>
      <c r="C124" s="10" t="s">
        <v>409</v>
      </c>
      <c r="D124" s="10" t="s">
        <v>600</v>
      </c>
      <c r="E124" s="10" t="s">
        <v>170</v>
      </c>
      <c r="F124" s="10" t="s">
        <v>7</v>
      </c>
      <c r="G124" s="10" t="s">
        <v>174</v>
      </c>
      <c r="H124" s="10" t="s">
        <v>7</v>
      </c>
      <c r="I124" s="10" t="s">
        <v>1025</v>
      </c>
      <c r="J124" s="10" t="s">
        <v>1025</v>
      </c>
    </row>
    <row r="125" spans="1:10" ht="21" x14ac:dyDescent="0.25">
      <c r="A125" s="10" t="s">
        <v>7</v>
      </c>
      <c r="B125" s="10" t="s">
        <v>7</v>
      </c>
      <c r="C125" s="10" t="s">
        <v>7</v>
      </c>
      <c r="D125" s="10" t="s">
        <v>7</v>
      </c>
      <c r="E125" s="1" t="s">
        <v>414</v>
      </c>
      <c r="F125" s="1" t="s">
        <v>1022</v>
      </c>
      <c r="G125" s="1" t="s">
        <v>1023</v>
      </c>
      <c r="H125" s="1" t="s">
        <v>1024</v>
      </c>
      <c r="I125" s="1" t="s">
        <v>172</v>
      </c>
      <c r="J125" s="1" t="s">
        <v>1026</v>
      </c>
    </row>
    <row r="126" spans="1:10" x14ac:dyDescent="0.25">
      <c r="A126" s="3" t="s">
        <v>165</v>
      </c>
      <c r="B126" s="5" t="s">
        <v>1107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</row>
    <row r="127" spans="1:10" x14ac:dyDescent="0.25">
      <c r="A127" s="2" t="s">
        <v>178</v>
      </c>
      <c r="B127" s="4" t="s">
        <v>1028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  <c r="J127" s="12">
        <v>0</v>
      </c>
    </row>
    <row r="128" spans="1:10" x14ac:dyDescent="0.25">
      <c r="A128" s="2" t="s">
        <v>180</v>
      </c>
      <c r="B128" s="4" t="s">
        <v>1029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</row>
    <row r="129" spans="1:10" x14ac:dyDescent="0.25">
      <c r="A129" s="3" t="s">
        <v>182</v>
      </c>
      <c r="B129" s="5" t="s">
        <v>1108</v>
      </c>
      <c r="C129" s="11">
        <v>280666300</v>
      </c>
      <c r="D129" s="11">
        <v>280716300</v>
      </c>
      <c r="E129" s="11">
        <v>61016075.649999999</v>
      </c>
      <c r="F129" s="11">
        <v>21.74</v>
      </c>
      <c r="G129" s="11">
        <v>17124868.91</v>
      </c>
      <c r="H129" s="11">
        <v>6.1</v>
      </c>
      <c r="I129" s="11">
        <v>16309857.4</v>
      </c>
      <c r="J129" s="11">
        <v>5.81</v>
      </c>
    </row>
    <row r="130" spans="1:10" x14ac:dyDescent="0.25">
      <c r="A130" s="2" t="s">
        <v>184</v>
      </c>
      <c r="B130" s="4" t="s">
        <v>1028</v>
      </c>
      <c r="C130" s="12">
        <v>223861700</v>
      </c>
      <c r="D130" s="12">
        <v>222561700</v>
      </c>
      <c r="E130" s="12">
        <v>44369020.109999999</v>
      </c>
      <c r="F130" s="12">
        <v>19.940000000000001</v>
      </c>
      <c r="G130" s="12">
        <v>16903574.91</v>
      </c>
      <c r="H130" s="12">
        <v>7.6</v>
      </c>
      <c r="I130" s="12">
        <v>16268563.4</v>
      </c>
      <c r="J130" s="12">
        <v>7.31</v>
      </c>
    </row>
    <row r="131" spans="1:10" x14ac:dyDescent="0.25">
      <c r="A131" s="2" t="s">
        <v>186</v>
      </c>
      <c r="B131" s="4" t="s">
        <v>1031</v>
      </c>
      <c r="C131" s="12">
        <v>56804600</v>
      </c>
      <c r="D131" s="12">
        <v>58154600</v>
      </c>
      <c r="E131" s="12">
        <v>16647055.539999999</v>
      </c>
      <c r="F131" s="12">
        <v>28.63</v>
      </c>
      <c r="G131" s="12">
        <v>221294</v>
      </c>
      <c r="H131" s="12">
        <v>0.38</v>
      </c>
      <c r="I131" s="12">
        <v>41294</v>
      </c>
      <c r="J131" s="12">
        <v>7.0000000000000007E-2</v>
      </c>
    </row>
    <row r="132" spans="1:10" x14ac:dyDescent="0.25">
      <c r="A132" s="3" t="s">
        <v>188</v>
      </c>
      <c r="B132" s="5" t="s">
        <v>1109</v>
      </c>
      <c r="C132" s="11">
        <v>28053000</v>
      </c>
      <c r="D132" s="11">
        <v>27990392</v>
      </c>
      <c r="E132" s="11">
        <v>1485356.9</v>
      </c>
      <c r="F132" s="11">
        <v>5.31</v>
      </c>
      <c r="G132" s="11">
        <v>256317.84</v>
      </c>
      <c r="H132" s="11">
        <v>0.92</v>
      </c>
      <c r="I132" s="11">
        <v>253817.84</v>
      </c>
      <c r="J132" s="11">
        <v>0.91</v>
      </c>
    </row>
    <row r="133" spans="1:10" x14ac:dyDescent="0.25">
      <c r="A133" s="2" t="s">
        <v>190</v>
      </c>
      <c r="B133" s="4" t="s">
        <v>1028</v>
      </c>
      <c r="C133" s="12">
        <v>28053000</v>
      </c>
      <c r="D133" s="12">
        <v>27990392</v>
      </c>
      <c r="E133" s="12">
        <v>1485356.9</v>
      </c>
      <c r="F133" s="12">
        <v>5.31</v>
      </c>
      <c r="G133" s="12">
        <v>256317.84</v>
      </c>
      <c r="H133" s="12">
        <v>0.92</v>
      </c>
      <c r="I133" s="12">
        <v>253817.84</v>
      </c>
      <c r="J133" s="12">
        <v>0.91</v>
      </c>
    </row>
    <row r="134" spans="1:10" x14ac:dyDescent="0.25">
      <c r="A134" s="2" t="s">
        <v>192</v>
      </c>
      <c r="B134" s="4" t="s">
        <v>1031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</row>
    <row r="135" spans="1:10" x14ac:dyDescent="0.25">
      <c r="A135" s="3" t="s">
        <v>194</v>
      </c>
      <c r="B135" s="5" t="s">
        <v>1110</v>
      </c>
      <c r="C135" s="11">
        <v>3614000</v>
      </c>
      <c r="D135" s="11">
        <v>3614000</v>
      </c>
      <c r="E135" s="11">
        <v>746660.32</v>
      </c>
      <c r="F135" s="11">
        <v>20.66</v>
      </c>
      <c r="G135" s="11">
        <v>10463.32</v>
      </c>
      <c r="H135" s="11">
        <v>0.28999999999999998</v>
      </c>
      <c r="I135" s="11">
        <v>10463.32</v>
      </c>
      <c r="J135" s="11">
        <v>0.28999999999999998</v>
      </c>
    </row>
    <row r="136" spans="1:10" x14ac:dyDescent="0.25">
      <c r="A136" s="2" t="s">
        <v>196</v>
      </c>
      <c r="B136" s="4" t="s">
        <v>1028</v>
      </c>
      <c r="C136" s="12">
        <v>3614000</v>
      </c>
      <c r="D136" s="12">
        <v>3614000</v>
      </c>
      <c r="E136" s="12">
        <v>746660.32</v>
      </c>
      <c r="F136" s="12">
        <v>20.66</v>
      </c>
      <c r="G136" s="12">
        <v>10463.32</v>
      </c>
      <c r="H136" s="12">
        <v>0.28999999999999998</v>
      </c>
      <c r="I136" s="12">
        <v>10463.32</v>
      </c>
      <c r="J136" s="12">
        <v>0.28999999999999998</v>
      </c>
    </row>
    <row r="137" spans="1:10" x14ac:dyDescent="0.25">
      <c r="A137" s="2" t="s">
        <v>198</v>
      </c>
      <c r="B137" s="4" t="s">
        <v>1031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</row>
    <row r="138" spans="1:10" x14ac:dyDescent="0.25">
      <c r="A138" s="3" t="s">
        <v>200</v>
      </c>
      <c r="B138" s="5" t="s">
        <v>1111</v>
      </c>
      <c r="C138" s="11">
        <v>17227600</v>
      </c>
      <c r="D138" s="11">
        <v>17290208</v>
      </c>
      <c r="E138" s="11">
        <v>2733157.96</v>
      </c>
      <c r="F138" s="11">
        <v>15.81</v>
      </c>
      <c r="G138" s="11">
        <v>721402.08</v>
      </c>
      <c r="H138" s="11">
        <v>4.17</v>
      </c>
      <c r="I138" s="11">
        <v>720933.33</v>
      </c>
      <c r="J138" s="11">
        <v>4.17</v>
      </c>
    </row>
    <row r="139" spans="1:10" x14ac:dyDescent="0.25">
      <c r="A139" s="2" t="s">
        <v>202</v>
      </c>
      <c r="B139" s="4" t="s">
        <v>1028</v>
      </c>
      <c r="C139" s="12">
        <v>15063100</v>
      </c>
      <c r="D139" s="12">
        <v>15125708</v>
      </c>
      <c r="E139" s="12">
        <v>2733157.96</v>
      </c>
      <c r="F139" s="12">
        <v>18.07</v>
      </c>
      <c r="G139" s="12">
        <v>721402.08</v>
      </c>
      <c r="H139" s="12">
        <v>4.7699999999999996</v>
      </c>
      <c r="I139" s="12">
        <v>720933.33</v>
      </c>
      <c r="J139" s="12">
        <v>4.7699999999999996</v>
      </c>
    </row>
    <row r="140" spans="1:10" x14ac:dyDescent="0.25">
      <c r="A140" s="2" t="s">
        <v>204</v>
      </c>
      <c r="B140" s="4" t="s">
        <v>1031</v>
      </c>
      <c r="C140" s="12">
        <v>2164500</v>
      </c>
      <c r="D140" s="12">
        <v>216450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  <c r="J140" s="12">
        <v>0</v>
      </c>
    </row>
    <row r="141" spans="1:10" x14ac:dyDescent="0.25">
      <c r="A141" s="3" t="s">
        <v>206</v>
      </c>
      <c r="B141" s="5" t="s">
        <v>1112</v>
      </c>
      <c r="C141" s="11">
        <v>567000</v>
      </c>
      <c r="D141" s="11">
        <v>567000</v>
      </c>
      <c r="E141" s="11">
        <v>209365</v>
      </c>
      <c r="F141" s="11">
        <v>36.93</v>
      </c>
      <c r="G141" s="11">
        <v>4091.46</v>
      </c>
      <c r="H141" s="11">
        <v>0.72</v>
      </c>
      <c r="I141" s="11">
        <v>4091.46</v>
      </c>
      <c r="J141" s="11">
        <v>0.72</v>
      </c>
    </row>
    <row r="142" spans="1:10" x14ac:dyDescent="0.25">
      <c r="A142" s="2" t="s">
        <v>208</v>
      </c>
      <c r="B142" s="4" t="s">
        <v>1028</v>
      </c>
      <c r="C142" s="12">
        <v>567000</v>
      </c>
      <c r="D142" s="12">
        <v>567000</v>
      </c>
      <c r="E142" s="12">
        <v>209365</v>
      </c>
      <c r="F142" s="12">
        <v>36.93</v>
      </c>
      <c r="G142" s="12">
        <v>4091.46</v>
      </c>
      <c r="H142" s="12">
        <v>0.72</v>
      </c>
      <c r="I142" s="12">
        <v>4091.46</v>
      </c>
      <c r="J142" s="12">
        <v>0.72</v>
      </c>
    </row>
    <row r="143" spans="1:10" x14ac:dyDescent="0.25">
      <c r="A143" s="2" t="s">
        <v>210</v>
      </c>
      <c r="B143" s="4" t="s">
        <v>1031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  <c r="H143" s="12">
        <v>0</v>
      </c>
      <c r="I143" s="12">
        <v>0</v>
      </c>
      <c r="J143" s="12">
        <v>0</v>
      </c>
    </row>
    <row r="144" spans="1:10" x14ac:dyDescent="0.25">
      <c r="A144" s="3" t="s">
        <v>212</v>
      </c>
      <c r="B144" s="5" t="s">
        <v>1113</v>
      </c>
      <c r="C144" s="11">
        <v>2756000</v>
      </c>
      <c r="D144" s="11">
        <v>2706000</v>
      </c>
      <c r="E144" s="11">
        <v>1096679.99</v>
      </c>
      <c r="F144" s="11">
        <v>40.53</v>
      </c>
      <c r="G144" s="11">
        <v>21366.06</v>
      </c>
      <c r="H144" s="11">
        <v>0.79</v>
      </c>
      <c r="I144" s="11">
        <v>21366.06</v>
      </c>
      <c r="J144" s="11">
        <v>0.79</v>
      </c>
    </row>
    <row r="145" spans="1:10" x14ac:dyDescent="0.25">
      <c r="A145" s="2" t="s">
        <v>214</v>
      </c>
      <c r="B145" s="4" t="s">
        <v>1028</v>
      </c>
      <c r="C145" s="12">
        <v>2557000</v>
      </c>
      <c r="D145" s="12">
        <v>2507000</v>
      </c>
      <c r="E145" s="12">
        <v>1096679.99</v>
      </c>
      <c r="F145" s="12">
        <v>43.74</v>
      </c>
      <c r="G145" s="12">
        <v>21366.06</v>
      </c>
      <c r="H145" s="12">
        <v>0.85</v>
      </c>
      <c r="I145" s="12">
        <v>21366.06</v>
      </c>
      <c r="J145" s="12">
        <v>0.85</v>
      </c>
    </row>
    <row r="146" spans="1:10" x14ac:dyDescent="0.25">
      <c r="A146" s="2" t="s">
        <v>216</v>
      </c>
      <c r="B146" s="4" t="s">
        <v>1031</v>
      </c>
      <c r="C146" s="12">
        <v>199000</v>
      </c>
      <c r="D146" s="12">
        <v>19900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  <c r="J146" s="12">
        <v>0</v>
      </c>
    </row>
    <row r="147" spans="1:10" x14ac:dyDescent="0.25">
      <c r="A147" s="3" t="s">
        <v>217</v>
      </c>
      <c r="B147" s="5" t="s">
        <v>1114</v>
      </c>
      <c r="C147" s="11">
        <v>332883900</v>
      </c>
      <c r="D147" s="11">
        <v>332883900</v>
      </c>
      <c r="E147" s="11">
        <v>67287295.819999993</v>
      </c>
      <c r="F147" s="11">
        <v>20.21</v>
      </c>
      <c r="G147" s="11">
        <v>18138509.670000002</v>
      </c>
      <c r="H147" s="11">
        <v>5.45</v>
      </c>
      <c r="I147" s="11">
        <v>17320529.41</v>
      </c>
      <c r="J147" s="11">
        <v>5.2</v>
      </c>
    </row>
    <row r="149" spans="1:10" x14ac:dyDescent="0.25">
      <c r="A149" s="10" t="s">
        <v>6</v>
      </c>
      <c r="B149" s="10" t="s">
        <v>1115</v>
      </c>
      <c r="C149" s="10" t="s">
        <v>409</v>
      </c>
      <c r="D149" s="10" t="s">
        <v>600</v>
      </c>
      <c r="E149" s="10" t="s">
        <v>170</v>
      </c>
      <c r="F149" s="10" t="s">
        <v>7</v>
      </c>
      <c r="G149" s="10" t="s">
        <v>174</v>
      </c>
      <c r="H149" s="10" t="s">
        <v>7</v>
      </c>
      <c r="I149" s="10" t="s">
        <v>1025</v>
      </c>
      <c r="J149" s="10" t="s">
        <v>1025</v>
      </c>
    </row>
    <row r="150" spans="1:10" ht="21" x14ac:dyDescent="0.25">
      <c r="A150" s="10" t="s">
        <v>7</v>
      </c>
      <c r="B150" s="10" t="s">
        <v>7</v>
      </c>
      <c r="C150" s="10" t="s">
        <v>7</v>
      </c>
      <c r="D150" s="10" t="s">
        <v>7</v>
      </c>
      <c r="E150" s="1" t="s">
        <v>414</v>
      </c>
      <c r="F150" s="1" t="s">
        <v>1022</v>
      </c>
      <c r="G150" s="1" t="s">
        <v>1116</v>
      </c>
      <c r="H150" s="1" t="s">
        <v>1024</v>
      </c>
      <c r="I150" s="1" t="s">
        <v>172</v>
      </c>
      <c r="J150" s="1" t="s">
        <v>1026</v>
      </c>
    </row>
    <row r="151" spans="1:10" x14ac:dyDescent="0.25">
      <c r="A151" s="2" t="s">
        <v>218</v>
      </c>
      <c r="B151" s="4" t="s">
        <v>1117</v>
      </c>
      <c r="C151" s="12">
        <v>69740000</v>
      </c>
      <c r="D151" s="12">
        <v>69740000</v>
      </c>
      <c r="E151" s="12">
        <v>11996418.630000001</v>
      </c>
      <c r="F151" s="12">
        <v>17.2</v>
      </c>
      <c r="G151" s="12">
        <v>2551169.81</v>
      </c>
      <c r="H151" s="12">
        <v>3.66</v>
      </c>
      <c r="I151" s="12">
        <v>2518890.7000000002</v>
      </c>
      <c r="J151" s="12">
        <v>3.61</v>
      </c>
    </row>
    <row r="152" spans="1:10" x14ac:dyDescent="0.25">
      <c r="A152" s="2" t="s">
        <v>220</v>
      </c>
      <c r="B152" s="4" t="s">
        <v>1118</v>
      </c>
      <c r="C152" s="12">
        <v>1205835300</v>
      </c>
      <c r="D152" s="12">
        <v>1161879327</v>
      </c>
      <c r="E152" s="12">
        <v>253235190.93000001</v>
      </c>
      <c r="F152" s="12">
        <v>21.8</v>
      </c>
      <c r="G152" s="12">
        <v>102010619.3</v>
      </c>
      <c r="H152" s="12">
        <v>8.7799999999999994</v>
      </c>
      <c r="I152" s="12">
        <v>96590215.140000001</v>
      </c>
      <c r="J152" s="12">
        <v>8.31</v>
      </c>
    </row>
    <row r="153" spans="1:10" x14ac:dyDescent="0.25">
      <c r="A153" s="2" t="s">
        <v>222</v>
      </c>
      <c r="B153" s="4" t="s">
        <v>1119</v>
      </c>
      <c r="C153" s="12">
        <v>82254000</v>
      </c>
      <c r="D153" s="12">
        <v>82191392</v>
      </c>
      <c r="E153" s="12">
        <v>9889505.4499999993</v>
      </c>
      <c r="F153" s="12">
        <v>12.03</v>
      </c>
      <c r="G153" s="12">
        <v>4330833.8600000003</v>
      </c>
      <c r="H153" s="12">
        <v>5.27</v>
      </c>
      <c r="I153" s="12">
        <v>4281757.6399999997</v>
      </c>
      <c r="J153" s="12">
        <v>5.21</v>
      </c>
    </row>
    <row r="154" spans="1:10" x14ac:dyDescent="0.25">
      <c r="A154" s="2" t="s">
        <v>224</v>
      </c>
      <c r="B154" s="4" t="s">
        <v>1120</v>
      </c>
      <c r="C154" s="12">
        <v>4114000</v>
      </c>
      <c r="D154" s="12">
        <v>4114000</v>
      </c>
      <c r="E154" s="12">
        <v>1125450.8799999999</v>
      </c>
      <c r="F154" s="12">
        <v>27.36</v>
      </c>
      <c r="G154" s="12">
        <v>10463.32</v>
      </c>
      <c r="H154" s="12">
        <v>0.25</v>
      </c>
      <c r="I154" s="12">
        <v>10463.32</v>
      </c>
      <c r="J154" s="12">
        <v>0.25</v>
      </c>
    </row>
    <row r="155" spans="1:10" x14ac:dyDescent="0.25">
      <c r="A155" s="2" t="s">
        <v>227</v>
      </c>
      <c r="B155" s="4" t="s">
        <v>1121</v>
      </c>
      <c r="C155" s="12">
        <v>38063600</v>
      </c>
      <c r="D155" s="12">
        <v>40626208</v>
      </c>
      <c r="E155" s="12">
        <v>10306882.859999999</v>
      </c>
      <c r="F155" s="12">
        <v>25.37</v>
      </c>
      <c r="G155" s="12">
        <v>3048704.58</v>
      </c>
      <c r="H155" s="12">
        <v>25.37</v>
      </c>
      <c r="I155" s="12">
        <v>1723310.83</v>
      </c>
      <c r="J155" s="12">
        <v>25.37</v>
      </c>
    </row>
    <row r="156" spans="1:10" x14ac:dyDescent="0.25">
      <c r="A156" s="2" t="s">
        <v>229</v>
      </c>
      <c r="B156" s="4" t="s">
        <v>1122</v>
      </c>
      <c r="C156" s="12">
        <v>42773000</v>
      </c>
      <c r="D156" s="12">
        <v>42773000</v>
      </c>
      <c r="E156" s="12">
        <v>7959017.7800000003</v>
      </c>
      <c r="F156" s="12">
        <v>18.61</v>
      </c>
      <c r="G156" s="12">
        <v>3878917.85</v>
      </c>
      <c r="H156" s="12">
        <v>9.07</v>
      </c>
      <c r="I156" s="12">
        <v>4091.46</v>
      </c>
      <c r="J156" s="12">
        <v>0.01</v>
      </c>
    </row>
    <row r="157" spans="1:10" x14ac:dyDescent="0.25">
      <c r="A157" s="2" t="s">
        <v>231</v>
      </c>
      <c r="B157" s="4" t="s">
        <v>1123</v>
      </c>
      <c r="C157" s="12">
        <v>379966900</v>
      </c>
      <c r="D157" s="12">
        <v>421422873</v>
      </c>
      <c r="E157" s="12">
        <v>216110414.97</v>
      </c>
      <c r="F157" s="12">
        <v>51.28</v>
      </c>
      <c r="G157" s="12">
        <v>91160601.200000003</v>
      </c>
      <c r="H157" s="12">
        <v>21.63</v>
      </c>
      <c r="I157" s="12">
        <v>78048271.810000002</v>
      </c>
      <c r="J157" s="12">
        <v>18.52</v>
      </c>
    </row>
    <row r="158" spans="1:10" x14ac:dyDescent="0.25">
      <c r="A158" s="2" t="s">
        <v>233</v>
      </c>
      <c r="B158" s="4" t="s">
        <v>1124</v>
      </c>
      <c r="C158" s="12">
        <v>1822746800</v>
      </c>
      <c r="D158" s="12">
        <v>1822746800</v>
      </c>
      <c r="E158" s="12">
        <v>510622881.5</v>
      </c>
      <c r="F158" s="12">
        <v>28.01</v>
      </c>
      <c r="G158" s="12">
        <v>206991309.91999999</v>
      </c>
      <c r="H158" s="12">
        <v>11.36</v>
      </c>
      <c r="I158" s="12">
        <v>183177000.90000001</v>
      </c>
      <c r="J158" s="12">
        <v>10.050000000000001</v>
      </c>
    </row>
    <row r="159" spans="1:10" x14ac:dyDescent="0.25">
      <c r="A159" s="2" t="s">
        <v>235</v>
      </c>
      <c r="B159" s="4" t="s">
        <v>1125</v>
      </c>
      <c r="C159" s="12">
        <v>332883900</v>
      </c>
      <c r="D159" s="12">
        <v>332883900</v>
      </c>
      <c r="E159" s="12">
        <v>67287295.819999993</v>
      </c>
      <c r="F159" s="12">
        <v>20.21</v>
      </c>
      <c r="G159" s="12">
        <v>18138509.670000002</v>
      </c>
      <c r="H159" s="12">
        <v>5.45</v>
      </c>
      <c r="I159" s="12">
        <v>17320529.41</v>
      </c>
      <c r="J159" s="12">
        <v>5.2</v>
      </c>
    </row>
    <row r="160" spans="1:10" x14ac:dyDescent="0.25">
      <c r="A160" s="2" t="s">
        <v>237</v>
      </c>
      <c r="B160" s="4" t="s">
        <v>1126</v>
      </c>
      <c r="C160" s="12">
        <v>1489862900</v>
      </c>
      <c r="D160" s="12">
        <v>1489862900</v>
      </c>
      <c r="E160" s="12">
        <v>443335585.68000001</v>
      </c>
      <c r="F160" s="12">
        <v>29.76</v>
      </c>
      <c r="G160" s="12">
        <v>188852800.25</v>
      </c>
      <c r="H160" s="12">
        <v>12.68</v>
      </c>
      <c r="I160" s="12">
        <v>165856471.49000001</v>
      </c>
      <c r="J160" s="12">
        <v>11.13</v>
      </c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40"/>
  <sheetViews>
    <sheetView showGridLines="0" workbookViewId="0"/>
  </sheetViews>
  <sheetFormatPr defaultRowHeight="15" x14ac:dyDescent="0.25"/>
  <cols>
    <col min="1" max="1" width="2.7109375" bestFit="1" customWidth="1"/>
    <col min="2" max="2" width="84.140625" bestFit="1" customWidth="1"/>
    <col min="3" max="4" width="14.85546875" bestFit="1" customWidth="1"/>
    <col min="5" max="5" width="11" bestFit="1" customWidth="1"/>
    <col min="6" max="6" width="14.85546875" bestFit="1" customWidth="1"/>
    <col min="7" max="7" width="9.28515625" bestFit="1" customWidth="1"/>
    <col min="8" max="8" width="14.85546875" bestFit="1" customWidth="1"/>
    <col min="9" max="9" width="9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127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1128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1129</v>
      </c>
      <c r="C10" s="10" t="s">
        <v>977</v>
      </c>
      <c r="D10" s="10" t="s">
        <v>170</v>
      </c>
      <c r="E10" s="10" t="s">
        <v>7</v>
      </c>
      <c r="F10" s="10" t="s">
        <v>174</v>
      </c>
      <c r="G10" s="10" t="s">
        <v>7</v>
      </c>
      <c r="H10" s="10" t="s">
        <v>1025</v>
      </c>
      <c r="I10" s="10" t="s">
        <v>1025</v>
      </c>
    </row>
    <row r="11" spans="1:9" ht="31.5" x14ac:dyDescent="0.25">
      <c r="A11" s="10" t="s">
        <v>7</v>
      </c>
      <c r="B11" s="10" t="s">
        <v>7</v>
      </c>
      <c r="C11" s="10" t="s">
        <v>7</v>
      </c>
      <c r="D11" s="1" t="s">
        <v>411</v>
      </c>
      <c r="E11" s="1" t="s">
        <v>997</v>
      </c>
      <c r="F11" s="1" t="s">
        <v>14</v>
      </c>
      <c r="G11" s="1" t="s">
        <v>1130</v>
      </c>
      <c r="H11" s="1" t="s">
        <v>414</v>
      </c>
      <c r="I11" s="1" t="s">
        <v>1131</v>
      </c>
    </row>
    <row r="12" spans="1:9" x14ac:dyDescent="0.25">
      <c r="A12" s="3" t="s">
        <v>17</v>
      </c>
      <c r="B12" s="5" t="s">
        <v>1132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  <c r="H12" s="11">
        <v>0</v>
      </c>
      <c r="I12" s="11">
        <v>0</v>
      </c>
    </row>
    <row r="13" spans="1:9" x14ac:dyDescent="0.25">
      <c r="A13" s="2" t="s">
        <v>19</v>
      </c>
      <c r="B13" s="4" t="s">
        <v>1133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  <c r="H13" s="12">
        <v>0</v>
      </c>
      <c r="I13" s="12">
        <v>0</v>
      </c>
    </row>
    <row r="14" spans="1:9" x14ac:dyDescent="0.25">
      <c r="A14" s="2" t="s">
        <v>21</v>
      </c>
      <c r="B14" s="4" t="s">
        <v>1134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  <c r="H14" s="12">
        <v>0</v>
      </c>
      <c r="I14" s="12">
        <v>0</v>
      </c>
    </row>
    <row r="15" spans="1:9" x14ac:dyDescent="0.25">
      <c r="A15" s="3" t="s">
        <v>23</v>
      </c>
      <c r="B15" s="5" t="s">
        <v>1135</v>
      </c>
      <c r="C15" s="11">
        <v>0</v>
      </c>
      <c r="D15" s="11">
        <v>0</v>
      </c>
      <c r="E15" s="11">
        <v>0</v>
      </c>
      <c r="F15" s="11">
        <v>0</v>
      </c>
      <c r="G15" s="11">
        <v>0</v>
      </c>
      <c r="H15" s="11">
        <v>0</v>
      </c>
      <c r="I15" s="11">
        <v>0</v>
      </c>
    </row>
    <row r="16" spans="1:9" x14ac:dyDescent="0.25">
      <c r="A16" s="2" t="s">
        <v>25</v>
      </c>
      <c r="B16" s="4" t="s">
        <v>1133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</row>
    <row r="17" spans="1:9" x14ac:dyDescent="0.25">
      <c r="A17" s="2" t="s">
        <v>27</v>
      </c>
      <c r="B17" s="4" t="s">
        <v>1136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1137</v>
      </c>
      <c r="C18" s="11">
        <v>1719350.26</v>
      </c>
      <c r="D18" s="11">
        <v>1719350.26</v>
      </c>
      <c r="E18" s="11">
        <v>100</v>
      </c>
      <c r="F18" s="11">
        <v>1719350.26</v>
      </c>
      <c r="G18" s="11">
        <v>100</v>
      </c>
      <c r="H18" s="11">
        <v>1719350.26</v>
      </c>
      <c r="I18" s="11">
        <v>100</v>
      </c>
    </row>
    <row r="19" spans="1:9" x14ac:dyDescent="0.25">
      <c r="A19" s="2" t="s">
        <v>31</v>
      </c>
      <c r="B19" s="4" t="s">
        <v>1133</v>
      </c>
      <c r="C19" s="12">
        <v>1719350.26</v>
      </c>
      <c r="D19" s="12">
        <v>1719350.26</v>
      </c>
      <c r="E19" s="12">
        <v>100</v>
      </c>
      <c r="F19" s="12">
        <v>1719350.26</v>
      </c>
      <c r="G19" s="12">
        <v>100</v>
      </c>
      <c r="H19" s="12">
        <v>1719350.26</v>
      </c>
      <c r="I19" s="12">
        <v>100</v>
      </c>
    </row>
    <row r="20" spans="1:9" x14ac:dyDescent="0.25">
      <c r="A20" s="2" t="s">
        <v>33</v>
      </c>
      <c r="B20" s="4" t="s">
        <v>1136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3" t="s">
        <v>35</v>
      </c>
      <c r="B21" s="5" t="s">
        <v>1138</v>
      </c>
      <c r="C21" s="11">
        <v>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0</v>
      </c>
    </row>
    <row r="22" spans="1:9" x14ac:dyDescent="0.25">
      <c r="A22" s="2" t="s">
        <v>37</v>
      </c>
      <c r="B22" s="4" t="s">
        <v>1133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2" t="s">
        <v>39</v>
      </c>
      <c r="B23" s="4" t="s">
        <v>1134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</row>
    <row r="24" spans="1:9" x14ac:dyDescent="0.25">
      <c r="A24" s="3" t="s">
        <v>41</v>
      </c>
      <c r="B24" s="5" t="s">
        <v>1139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</row>
    <row r="25" spans="1:9" x14ac:dyDescent="0.25">
      <c r="A25" s="2" t="s">
        <v>43</v>
      </c>
      <c r="B25" s="4" t="s">
        <v>1133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  <c r="H25" s="12">
        <v>0</v>
      </c>
      <c r="I25" s="12">
        <v>0</v>
      </c>
    </row>
    <row r="26" spans="1:9" x14ac:dyDescent="0.25">
      <c r="A26" s="2" t="s">
        <v>45</v>
      </c>
      <c r="B26" s="4" t="s">
        <v>1134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7" spans="1:9" x14ac:dyDescent="0.25">
      <c r="A27" s="3" t="s">
        <v>47</v>
      </c>
      <c r="B27" s="5" t="s">
        <v>1140</v>
      </c>
      <c r="C27" s="11">
        <v>0</v>
      </c>
      <c r="D27" s="11">
        <v>0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</row>
    <row r="28" spans="1:9" x14ac:dyDescent="0.25">
      <c r="A28" s="2" t="s">
        <v>49</v>
      </c>
      <c r="B28" s="4" t="s">
        <v>1141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1134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  <c r="H29" s="12">
        <v>0</v>
      </c>
      <c r="I29" s="12">
        <v>0</v>
      </c>
    </row>
    <row r="30" spans="1:9" x14ac:dyDescent="0.25">
      <c r="A30" s="3" t="s">
        <v>53</v>
      </c>
      <c r="B30" s="5" t="s">
        <v>1142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</row>
    <row r="31" spans="1:9" x14ac:dyDescent="0.25">
      <c r="A31" s="2" t="s">
        <v>55</v>
      </c>
      <c r="B31" s="4" t="s">
        <v>1133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1134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1143</v>
      </c>
      <c r="C33" s="11">
        <v>1719350.26</v>
      </c>
      <c r="D33" s="11">
        <v>1719350.26</v>
      </c>
      <c r="E33" s="11">
        <v>100</v>
      </c>
      <c r="F33" s="11">
        <v>1719350.26</v>
      </c>
      <c r="G33" s="11">
        <v>100</v>
      </c>
      <c r="H33" s="11">
        <v>1719350.26</v>
      </c>
      <c r="I33" s="11">
        <v>100</v>
      </c>
    </row>
    <row r="35" spans="1:9" x14ac:dyDescent="0.25">
      <c r="A35" s="10" t="s">
        <v>6</v>
      </c>
      <c r="B35" s="10" t="s">
        <v>1144</v>
      </c>
      <c r="C35" s="10" t="s">
        <v>1039</v>
      </c>
      <c r="D35" s="10" t="s">
        <v>1040</v>
      </c>
      <c r="E35" s="10" t="s">
        <v>1041</v>
      </c>
    </row>
    <row r="36" spans="1:9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0" t="s">
        <v>7</v>
      </c>
    </row>
    <row r="37" spans="1:9" x14ac:dyDescent="0.25">
      <c r="A37" s="2" t="s">
        <v>61</v>
      </c>
      <c r="B37" s="4" t="s">
        <v>1145</v>
      </c>
      <c r="C37" s="12">
        <v>0</v>
      </c>
      <c r="D37" s="12">
        <v>0</v>
      </c>
      <c r="E37" s="12">
        <v>0</v>
      </c>
    </row>
    <row r="38" spans="1:9" x14ac:dyDescent="0.25">
      <c r="A38" s="2" t="s">
        <v>63</v>
      </c>
      <c r="B38" s="4" t="s">
        <v>1146</v>
      </c>
      <c r="C38" s="12">
        <v>0</v>
      </c>
      <c r="D38" s="12">
        <v>0</v>
      </c>
      <c r="E38" s="12">
        <v>0</v>
      </c>
    </row>
    <row r="39" spans="1:9" x14ac:dyDescent="0.25">
      <c r="A39" s="2" t="s">
        <v>65</v>
      </c>
      <c r="B39" s="4" t="s">
        <v>1147</v>
      </c>
      <c r="C39" s="12">
        <v>0</v>
      </c>
      <c r="D39" s="12">
        <v>0</v>
      </c>
      <c r="E39" s="12">
        <v>0</v>
      </c>
    </row>
    <row r="40" spans="1:9" x14ac:dyDescent="0.25">
      <c r="A40" s="2" t="s">
        <v>67</v>
      </c>
      <c r="B40" s="4" t="s">
        <v>1148</v>
      </c>
      <c r="C40" s="12">
        <v>0</v>
      </c>
      <c r="D40" s="12">
        <v>0</v>
      </c>
      <c r="E40" s="12">
        <v>0</v>
      </c>
    </row>
  </sheetData>
  <mergeCells count="17">
    <mergeCell ref="A35:A36"/>
    <mergeCell ref="B35:B36"/>
    <mergeCell ref="C35:C36"/>
    <mergeCell ref="D35:D36"/>
    <mergeCell ref="E35:E36"/>
    <mergeCell ref="A9:I9"/>
    <mergeCell ref="A10:A11"/>
    <mergeCell ref="B10:B11"/>
    <mergeCell ref="C10:C11"/>
    <mergeCell ref="D10:E10"/>
    <mergeCell ref="F10:G10"/>
    <mergeCell ref="H10:I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149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150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ht="21" x14ac:dyDescent="0.25">
      <c r="A10" s="10" t="s">
        <v>6</v>
      </c>
      <c r="B10" s="10" t="s">
        <v>1151</v>
      </c>
      <c r="C10" s="10" t="s">
        <v>1152</v>
      </c>
      <c r="D10" s="1" t="s">
        <v>1153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154</v>
      </c>
    </row>
    <row r="12" spans="1:13" x14ac:dyDescent="0.25">
      <c r="A12" s="3" t="s">
        <v>17</v>
      </c>
      <c r="B12" s="5" t="s">
        <v>1155</v>
      </c>
      <c r="C12" s="11">
        <v>0</v>
      </c>
      <c r="D12" s="11">
        <v>0</v>
      </c>
    </row>
    <row r="13" spans="1:13" x14ac:dyDescent="0.25">
      <c r="A13" s="2" t="s">
        <v>19</v>
      </c>
      <c r="B13" s="4" t="s">
        <v>1156</v>
      </c>
      <c r="C13" s="12">
        <v>0</v>
      </c>
      <c r="D13" s="12">
        <v>0</v>
      </c>
    </row>
    <row r="14" spans="1:13" x14ac:dyDescent="0.25">
      <c r="A14" s="3" t="s">
        <v>21</v>
      </c>
      <c r="B14" s="5" t="s">
        <v>1157</v>
      </c>
      <c r="C14" s="11">
        <v>0</v>
      </c>
      <c r="D14" s="11">
        <v>0</v>
      </c>
    </row>
    <row r="15" spans="1:13" x14ac:dyDescent="0.25">
      <c r="A15" s="2" t="s">
        <v>23</v>
      </c>
      <c r="B15" s="4" t="s">
        <v>1158</v>
      </c>
      <c r="C15" s="12">
        <v>0</v>
      </c>
      <c r="D15" s="12">
        <v>0</v>
      </c>
    </row>
    <row r="16" spans="1:13" x14ac:dyDescent="0.25">
      <c r="A16" s="2" t="s">
        <v>25</v>
      </c>
      <c r="B16" s="4" t="s">
        <v>1159</v>
      </c>
      <c r="C16" s="12">
        <v>0</v>
      </c>
      <c r="D16" s="12">
        <v>0</v>
      </c>
    </row>
    <row r="17" spans="1:13" x14ac:dyDescent="0.25">
      <c r="A17" s="2" t="s">
        <v>27</v>
      </c>
      <c r="B17" s="4" t="s">
        <v>1160</v>
      </c>
      <c r="C17" s="12">
        <v>0</v>
      </c>
      <c r="D17" s="12">
        <v>0</v>
      </c>
    </row>
    <row r="18" spans="1:13" x14ac:dyDescent="0.25">
      <c r="A18" s="3" t="s">
        <v>29</v>
      </c>
      <c r="B18" s="5" t="s">
        <v>1161</v>
      </c>
      <c r="C18" s="11">
        <v>0</v>
      </c>
      <c r="D18" s="11">
        <v>0</v>
      </c>
    </row>
    <row r="19" spans="1:13" x14ac:dyDescent="0.25">
      <c r="A19" s="2" t="s">
        <v>31</v>
      </c>
      <c r="B19" s="4" t="s">
        <v>1162</v>
      </c>
      <c r="C19" s="12">
        <v>0</v>
      </c>
      <c r="D19" s="12">
        <v>0</v>
      </c>
    </row>
    <row r="20" spans="1:13" x14ac:dyDescent="0.25">
      <c r="A20" s="2" t="s">
        <v>33</v>
      </c>
      <c r="B20" s="4" t="s">
        <v>1163</v>
      </c>
      <c r="C20" s="12">
        <v>0</v>
      </c>
      <c r="D20" s="12">
        <v>0</v>
      </c>
    </row>
    <row r="21" spans="1:13" x14ac:dyDescent="0.25">
      <c r="A21" s="2" t="s">
        <v>35</v>
      </c>
      <c r="B21" s="4" t="s">
        <v>1164</v>
      </c>
      <c r="C21" s="12">
        <v>0</v>
      </c>
      <c r="D21" s="12">
        <v>0</v>
      </c>
    </row>
    <row r="22" spans="1:13" x14ac:dyDescent="0.25">
      <c r="A22" s="2" t="s">
        <v>37</v>
      </c>
      <c r="B22" s="4" t="s">
        <v>1165</v>
      </c>
      <c r="C22" s="12">
        <v>0</v>
      </c>
      <c r="D22" s="12">
        <v>0</v>
      </c>
    </row>
    <row r="24" spans="1:13" x14ac:dyDescent="0.25">
      <c r="A24" s="10" t="s">
        <v>6</v>
      </c>
      <c r="B24" s="10" t="s">
        <v>1166</v>
      </c>
      <c r="C24" s="10" t="s">
        <v>1167</v>
      </c>
      <c r="D24" s="10" t="s">
        <v>1168</v>
      </c>
      <c r="E24" s="10" t="s">
        <v>1169</v>
      </c>
      <c r="F24" s="10" t="s">
        <v>1170</v>
      </c>
      <c r="G24" s="10" t="s">
        <v>1171</v>
      </c>
      <c r="H24" s="10" t="s">
        <v>1172</v>
      </c>
      <c r="I24" s="10" t="s">
        <v>1173</v>
      </c>
      <c r="J24" s="10" t="s">
        <v>1174</v>
      </c>
      <c r="K24" s="10" t="s">
        <v>1175</v>
      </c>
      <c r="L24" s="10" t="s">
        <v>1176</v>
      </c>
      <c r="M24" s="10" t="s">
        <v>1177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3" t="s">
        <v>39</v>
      </c>
      <c r="B26" s="5" t="s">
        <v>1178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1</v>
      </c>
      <c r="B27" s="4" t="s">
        <v>1179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3</v>
      </c>
      <c r="B28" s="4" t="s">
        <v>118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3" t="s">
        <v>45</v>
      </c>
      <c r="B29" s="5" t="s">
        <v>1181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7</v>
      </c>
      <c r="B30" s="4" t="s">
        <v>1182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2" t="s">
        <v>49</v>
      </c>
      <c r="B31" s="4" t="s">
        <v>1183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</row>
    <row r="32" spans="1:13" x14ac:dyDescent="0.25">
      <c r="A32" s="3" t="s">
        <v>51</v>
      </c>
      <c r="B32" s="5" t="s">
        <v>1184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3</v>
      </c>
      <c r="B33" s="4" t="s">
        <v>1185</v>
      </c>
      <c r="C33" s="12">
        <v>15816038193.469999</v>
      </c>
      <c r="D33" s="12">
        <v>16187971752.48</v>
      </c>
      <c r="E33" s="12">
        <v>0</v>
      </c>
      <c r="F33" s="12">
        <v>0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</row>
    <row r="34" spans="1:13" x14ac:dyDescent="0.25">
      <c r="A34" s="2" t="s">
        <v>55</v>
      </c>
      <c r="B34" s="4" t="s">
        <v>1186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</row>
    <row r="35" spans="1:13" x14ac:dyDescent="0.25">
      <c r="A35" s="2" t="s">
        <v>57</v>
      </c>
      <c r="B35" s="4" t="s">
        <v>1187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  <c r="J35" s="12">
        <v>0</v>
      </c>
      <c r="K35" s="12">
        <v>0</v>
      </c>
      <c r="L35" s="12">
        <v>0</v>
      </c>
      <c r="M35" s="12">
        <v>0</v>
      </c>
    </row>
  </sheetData>
  <mergeCells count="22">
    <mergeCell ref="M24:M25"/>
    <mergeCell ref="A9:M9"/>
    <mergeCell ref="A10:A11"/>
    <mergeCell ref="B10:B11"/>
    <mergeCell ref="C10:C11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J24:J25"/>
    <mergeCell ref="K24:K25"/>
    <mergeCell ref="L24:L25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17"/>
  <sheetViews>
    <sheetView showGridLines="0" tabSelected="1" topLeftCell="A97" workbookViewId="0">
      <selection activeCell="F115" sqref="F115"/>
    </sheetView>
  </sheetViews>
  <sheetFormatPr defaultRowHeight="15" x14ac:dyDescent="0.25"/>
  <cols>
    <col min="1" max="1" width="2.7109375" bestFit="1" customWidth="1"/>
    <col min="2" max="2" width="63.710937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188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189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2</v>
      </c>
      <c r="C10" s="10" t="s">
        <v>1190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8</v>
      </c>
      <c r="C12" s="12">
        <v>0</v>
      </c>
    </row>
    <row r="13" spans="1:6" x14ac:dyDescent="0.25">
      <c r="A13" s="2" t="s">
        <v>19</v>
      </c>
      <c r="B13" s="4" t="s">
        <v>1191</v>
      </c>
      <c r="C13" s="12">
        <v>18475534800</v>
      </c>
    </row>
    <row r="14" spans="1:6" x14ac:dyDescent="0.25">
      <c r="A14" s="2" t="s">
        <v>21</v>
      </c>
      <c r="B14" s="4" t="s">
        <v>1192</v>
      </c>
      <c r="C14" s="12">
        <v>18671427716</v>
      </c>
    </row>
    <row r="15" spans="1:6" x14ac:dyDescent="0.25">
      <c r="A15" s="2" t="s">
        <v>23</v>
      </c>
      <c r="B15" s="4" t="s">
        <v>1193</v>
      </c>
      <c r="C15" s="12">
        <v>3425202918.3299999</v>
      </c>
    </row>
    <row r="16" spans="1:6" x14ac:dyDescent="0.25">
      <c r="A16" s="2" t="s">
        <v>25</v>
      </c>
      <c r="B16" s="4" t="s">
        <v>1194</v>
      </c>
      <c r="C16" s="12">
        <v>0</v>
      </c>
    </row>
    <row r="17" spans="1:3" x14ac:dyDescent="0.25">
      <c r="A17" s="2" t="s">
        <v>27</v>
      </c>
      <c r="B17" s="4" t="s">
        <v>1195</v>
      </c>
      <c r="C17" s="12">
        <v>896885383.83000004</v>
      </c>
    </row>
    <row r="18" spans="1:3" x14ac:dyDescent="0.25">
      <c r="A18" s="2" t="s">
        <v>29</v>
      </c>
      <c r="B18" s="4" t="s">
        <v>167</v>
      </c>
      <c r="C18" s="12">
        <v>0</v>
      </c>
    </row>
    <row r="19" spans="1:3" x14ac:dyDescent="0.25">
      <c r="A19" s="2" t="s">
        <v>31</v>
      </c>
      <c r="B19" s="4" t="s">
        <v>1196</v>
      </c>
      <c r="C19" s="12">
        <v>18475534800</v>
      </c>
    </row>
    <row r="20" spans="1:3" x14ac:dyDescent="0.25">
      <c r="A20" s="2" t="s">
        <v>33</v>
      </c>
      <c r="B20" s="4" t="s">
        <v>1197</v>
      </c>
      <c r="C20" s="12">
        <v>19568313099.830002</v>
      </c>
    </row>
    <row r="21" spans="1:3" x14ac:dyDescent="0.25">
      <c r="A21" s="2" t="s">
        <v>35</v>
      </c>
      <c r="B21" s="4" t="s">
        <v>1198</v>
      </c>
      <c r="C21" s="12">
        <v>6328442877.3500004</v>
      </c>
    </row>
    <row r="22" spans="1:3" x14ac:dyDescent="0.25">
      <c r="A22" s="2" t="s">
        <v>37</v>
      </c>
      <c r="B22" s="4" t="s">
        <v>1199</v>
      </c>
      <c r="C22" s="12">
        <v>2682864115.79</v>
      </c>
    </row>
    <row r="23" spans="1:3" x14ac:dyDescent="0.25">
      <c r="A23" s="2" t="s">
        <v>39</v>
      </c>
      <c r="B23" s="4" t="s">
        <v>1200</v>
      </c>
      <c r="C23" s="12">
        <v>2482327297.29</v>
      </c>
    </row>
    <row r="24" spans="1:3" x14ac:dyDescent="0.25">
      <c r="A24" s="2" t="s">
        <v>41</v>
      </c>
      <c r="B24" s="4" t="s">
        <v>1201</v>
      </c>
      <c r="C24" s="12">
        <v>742338802.53999996</v>
      </c>
    </row>
    <row r="26" spans="1:3" x14ac:dyDescent="0.25">
      <c r="A26" s="10" t="s">
        <v>6</v>
      </c>
      <c r="B26" s="10" t="s">
        <v>1202</v>
      </c>
      <c r="C26" s="10" t="s">
        <v>1190</v>
      </c>
    </row>
    <row r="27" spans="1:3" x14ac:dyDescent="0.25">
      <c r="A27" s="10" t="s">
        <v>7</v>
      </c>
      <c r="B27" s="10" t="s">
        <v>7</v>
      </c>
      <c r="C27" s="10" t="s">
        <v>7</v>
      </c>
    </row>
    <row r="28" spans="1:3" x14ac:dyDescent="0.25">
      <c r="A28" s="2" t="s">
        <v>43</v>
      </c>
      <c r="B28" s="4" t="s">
        <v>170</v>
      </c>
      <c r="C28" s="12">
        <v>6328442877.3500004</v>
      </c>
    </row>
    <row r="29" spans="1:3" x14ac:dyDescent="0.25">
      <c r="A29" s="2" t="s">
        <v>45</v>
      </c>
      <c r="B29" s="4" t="s">
        <v>174</v>
      </c>
      <c r="C29" s="12">
        <v>2682864115.79</v>
      </c>
    </row>
    <row r="31" spans="1:3" x14ac:dyDescent="0.25">
      <c r="A31" s="10" t="s">
        <v>6</v>
      </c>
      <c r="B31" s="10" t="s">
        <v>1203</v>
      </c>
      <c r="C31" s="10" t="s">
        <v>1190</v>
      </c>
    </row>
    <row r="32" spans="1:3" x14ac:dyDescent="0.25">
      <c r="A32" s="10" t="s">
        <v>7</v>
      </c>
      <c r="B32" s="10" t="s">
        <v>7</v>
      </c>
      <c r="C32" s="10" t="s">
        <v>7</v>
      </c>
    </row>
    <row r="33" spans="1:3" x14ac:dyDescent="0.25">
      <c r="A33" s="2" t="s">
        <v>47</v>
      </c>
      <c r="B33" s="4" t="s">
        <v>1204</v>
      </c>
      <c r="C33" s="12">
        <v>16187971752.48</v>
      </c>
    </row>
    <row r="34" spans="1:3" x14ac:dyDescent="0.25">
      <c r="A34" s="2" t="s">
        <v>49</v>
      </c>
      <c r="B34" s="4" t="s">
        <v>1205</v>
      </c>
      <c r="C34" s="12">
        <v>16181047503.48</v>
      </c>
    </row>
    <row r="35" spans="1:3" x14ac:dyDescent="0.25">
      <c r="A35" s="2" t="s">
        <v>51</v>
      </c>
      <c r="B35" s="4" t="s">
        <v>1206</v>
      </c>
      <c r="C35" s="12">
        <v>16169047503.48</v>
      </c>
    </row>
    <row r="37" spans="1:3" x14ac:dyDescent="0.25">
      <c r="A37" s="10" t="s">
        <v>6</v>
      </c>
      <c r="B37" s="10" t="s">
        <v>1207</v>
      </c>
      <c r="C37" s="10" t="s">
        <v>1190</v>
      </c>
    </row>
    <row r="38" spans="1:3" x14ac:dyDescent="0.25">
      <c r="A38" s="10" t="s">
        <v>7</v>
      </c>
      <c r="B38" s="10" t="s">
        <v>7</v>
      </c>
      <c r="C38" s="10" t="s">
        <v>7</v>
      </c>
    </row>
    <row r="39" spans="1:3" x14ac:dyDescent="0.25">
      <c r="A39" s="2" t="s">
        <v>53</v>
      </c>
      <c r="B39" s="4" t="s">
        <v>1208</v>
      </c>
      <c r="C39" s="12">
        <v>0</v>
      </c>
    </row>
    <row r="40" spans="1:3" x14ac:dyDescent="0.25">
      <c r="A40" s="2" t="s">
        <v>55</v>
      </c>
      <c r="B40" s="4" t="s">
        <v>1209</v>
      </c>
      <c r="C40" s="12">
        <v>435361104.22000003</v>
      </c>
    </row>
    <row r="41" spans="1:3" x14ac:dyDescent="0.25">
      <c r="A41" s="2" t="s">
        <v>57</v>
      </c>
      <c r="B41" s="4" t="s">
        <v>1210</v>
      </c>
      <c r="C41" s="12">
        <v>550763304</v>
      </c>
    </row>
    <row r="42" spans="1:3" x14ac:dyDescent="0.25">
      <c r="A42" s="2" t="s">
        <v>59</v>
      </c>
      <c r="B42" s="4" t="s">
        <v>1211</v>
      </c>
      <c r="C42" s="12">
        <v>526448950.49000001</v>
      </c>
    </row>
    <row r="43" spans="1:3" x14ac:dyDescent="0.25">
      <c r="A43" s="2" t="s">
        <v>61</v>
      </c>
      <c r="B43" s="4" t="s">
        <v>1212</v>
      </c>
      <c r="C43" s="12">
        <v>526143308.5</v>
      </c>
    </row>
    <row r="44" spans="1:3" x14ac:dyDescent="0.25">
      <c r="A44" s="2" t="s">
        <v>63</v>
      </c>
      <c r="B44" s="4" t="s">
        <v>1213</v>
      </c>
      <c r="C44" s="12">
        <v>-91087846.269999996</v>
      </c>
    </row>
    <row r="45" spans="1:3" x14ac:dyDescent="0.25">
      <c r="A45" s="2" t="s">
        <v>65</v>
      </c>
      <c r="B45" s="4" t="s">
        <v>1214</v>
      </c>
      <c r="C45" s="12">
        <v>0</v>
      </c>
    </row>
    <row r="46" spans="1:3" x14ac:dyDescent="0.25">
      <c r="A46" s="2" t="s">
        <v>67</v>
      </c>
      <c r="B46" s="4" t="s">
        <v>1209</v>
      </c>
      <c r="C46" s="12">
        <v>0</v>
      </c>
    </row>
    <row r="47" spans="1:3" x14ac:dyDescent="0.25">
      <c r="A47" s="2" t="s">
        <v>69</v>
      </c>
      <c r="B47" s="4" t="s">
        <v>1210</v>
      </c>
      <c r="C47" s="12">
        <v>0</v>
      </c>
    </row>
    <row r="48" spans="1:3" x14ac:dyDescent="0.25">
      <c r="A48" s="2" t="s">
        <v>71</v>
      </c>
      <c r="B48" s="4" t="s">
        <v>1211</v>
      </c>
      <c r="C48" s="12">
        <v>0</v>
      </c>
    </row>
    <row r="49" spans="1:6" x14ac:dyDescent="0.25">
      <c r="A49" s="2" t="s">
        <v>73</v>
      </c>
      <c r="B49" s="4" t="s">
        <v>1212</v>
      </c>
      <c r="C49" s="12">
        <v>0</v>
      </c>
    </row>
    <row r="50" spans="1:6" x14ac:dyDescent="0.25">
      <c r="A50" s="2" t="s">
        <v>75</v>
      </c>
      <c r="B50" s="4" t="s">
        <v>1213</v>
      </c>
      <c r="C50" s="12">
        <v>0</v>
      </c>
    </row>
    <row r="51" spans="1:6" x14ac:dyDescent="0.25">
      <c r="A51" s="2" t="s">
        <v>77</v>
      </c>
      <c r="B51" s="4" t="s">
        <v>1215</v>
      </c>
      <c r="C51" s="12">
        <v>0</v>
      </c>
    </row>
    <row r="52" spans="1:6" x14ac:dyDescent="0.25">
      <c r="A52" s="2" t="s">
        <v>79</v>
      </c>
      <c r="B52" s="4" t="s">
        <v>1216</v>
      </c>
      <c r="C52" s="12">
        <v>22562787.809999999</v>
      </c>
    </row>
    <row r="53" spans="1:6" x14ac:dyDescent="0.25">
      <c r="A53" s="2" t="s">
        <v>81</v>
      </c>
      <c r="B53" s="4" t="s">
        <v>1217</v>
      </c>
      <c r="C53" s="12">
        <v>22555354.350000001</v>
      </c>
    </row>
    <row r="54" spans="1:6" x14ac:dyDescent="0.25">
      <c r="A54" s="2" t="s">
        <v>83</v>
      </c>
      <c r="B54" s="4" t="s">
        <v>1218</v>
      </c>
      <c r="C54" s="12">
        <v>22555354.350000001</v>
      </c>
    </row>
    <row r="55" spans="1:6" x14ac:dyDescent="0.25">
      <c r="A55" s="2" t="s">
        <v>85</v>
      </c>
      <c r="B55" s="4" t="s">
        <v>1219</v>
      </c>
      <c r="C55" s="12">
        <v>22555354.350000001</v>
      </c>
    </row>
    <row r="56" spans="1:6" x14ac:dyDescent="0.25">
      <c r="A56" s="2" t="s">
        <v>87</v>
      </c>
      <c r="B56" s="4" t="s">
        <v>1220</v>
      </c>
      <c r="C56" s="12">
        <v>7433.46</v>
      </c>
    </row>
    <row r="58" spans="1:6" x14ac:dyDescent="0.25">
      <c r="A58" s="10" t="s">
        <v>6</v>
      </c>
      <c r="B58" s="10" t="s">
        <v>1221</v>
      </c>
      <c r="C58" s="10" t="s">
        <v>1222</v>
      </c>
      <c r="D58" s="10" t="s">
        <v>1223</v>
      </c>
      <c r="E58" s="10" t="s">
        <v>1224</v>
      </c>
    </row>
    <row r="59" spans="1:6" x14ac:dyDescent="0.25">
      <c r="A59" s="10" t="s">
        <v>7</v>
      </c>
      <c r="B59" s="10" t="s">
        <v>7</v>
      </c>
      <c r="C59" s="10" t="s">
        <v>7</v>
      </c>
      <c r="D59" s="10" t="s">
        <v>7</v>
      </c>
      <c r="E59" s="10" t="s">
        <v>7</v>
      </c>
    </row>
    <row r="60" spans="1:6" x14ac:dyDescent="0.25">
      <c r="A60" s="2" t="s">
        <v>89</v>
      </c>
      <c r="B60" s="4" t="s">
        <v>1225</v>
      </c>
      <c r="C60" s="12">
        <v>315499518.75999999</v>
      </c>
      <c r="D60" s="12">
        <v>594233291.70000005</v>
      </c>
      <c r="E60" s="12">
        <v>188.35</v>
      </c>
    </row>
    <row r="61" spans="1:6" x14ac:dyDescent="0.25">
      <c r="A61" s="2" t="s">
        <v>91</v>
      </c>
      <c r="B61" s="4" t="s">
        <v>1226</v>
      </c>
      <c r="C61" s="12">
        <v>1698267.56</v>
      </c>
      <c r="D61" s="12">
        <v>590821429.19000006</v>
      </c>
      <c r="E61" s="12">
        <v>34789.660000000003</v>
      </c>
    </row>
    <row r="63" spans="1:6" x14ac:dyDescent="0.25">
      <c r="A63" s="10" t="s">
        <v>6</v>
      </c>
      <c r="B63" s="10" t="s">
        <v>1227</v>
      </c>
      <c r="C63" s="10" t="s">
        <v>1228</v>
      </c>
      <c r="D63" s="10" t="s">
        <v>1229</v>
      </c>
      <c r="E63" s="10" t="s">
        <v>1230</v>
      </c>
      <c r="F63" s="10" t="s">
        <v>1231</v>
      </c>
    </row>
    <row r="64" spans="1:6" x14ac:dyDescent="0.25">
      <c r="A64" s="10" t="s">
        <v>7</v>
      </c>
      <c r="B64" s="10" t="s">
        <v>7</v>
      </c>
      <c r="C64" s="10" t="s">
        <v>7</v>
      </c>
      <c r="D64" s="10" t="s">
        <v>7</v>
      </c>
      <c r="E64" s="10" t="s">
        <v>7</v>
      </c>
      <c r="F64" s="10" t="s">
        <v>7</v>
      </c>
    </row>
    <row r="65" spans="1:6" x14ac:dyDescent="0.25">
      <c r="A65" s="3" t="s">
        <v>93</v>
      </c>
      <c r="B65" s="5" t="s">
        <v>1232</v>
      </c>
      <c r="C65" s="11">
        <v>166454698.40000001</v>
      </c>
      <c r="D65" s="11">
        <v>18242622.239999998</v>
      </c>
      <c r="E65" s="11">
        <v>101996613.22</v>
      </c>
      <c r="F65" s="11">
        <v>46215462.939999998</v>
      </c>
    </row>
    <row r="66" spans="1:6" x14ac:dyDescent="0.25">
      <c r="A66" s="2" t="s">
        <v>95</v>
      </c>
      <c r="B66" s="4" t="s">
        <v>1233</v>
      </c>
      <c r="C66" s="12">
        <v>135907809.11000001</v>
      </c>
      <c r="D66" s="12">
        <v>18242622.239999998</v>
      </c>
      <c r="E66" s="12">
        <v>74797469.379999995</v>
      </c>
      <c r="F66" s="12">
        <v>42867717.490000002</v>
      </c>
    </row>
    <row r="67" spans="1:6" x14ac:dyDescent="0.25">
      <c r="A67" s="2" t="s">
        <v>97</v>
      </c>
      <c r="B67" s="4" t="s">
        <v>1234</v>
      </c>
      <c r="C67" s="12">
        <v>4025373.25</v>
      </c>
      <c r="D67" s="12">
        <v>0</v>
      </c>
      <c r="E67" s="12">
        <v>4025373.25</v>
      </c>
      <c r="F67" s="12">
        <v>0</v>
      </c>
    </row>
    <row r="68" spans="1:6" x14ac:dyDescent="0.25">
      <c r="A68" s="2" t="s">
        <v>99</v>
      </c>
      <c r="B68" s="4" t="s">
        <v>1235</v>
      </c>
      <c r="C68" s="12">
        <v>16962681.920000002</v>
      </c>
      <c r="D68" s="12">
        <v>0</v>
      </c>
      <c r="E68" s="12">
        <v>16897204.579999998</v>
      </c>
      <c r="F68" s="12">
        <v>65477.34</v>
      </c>
    </row>
    <row r="69" spans="1:6" x14ac:dyDescent="0.25">
      <c r="A69" s="2" t="s">
        <v>101</v>
      </c>
      <c r="B69" s="4" t="s">
        <v>1236</v>
      </c>
      <c r="C69" s="12">
        <v>6820249.0099999998</v>
      </c>
      <c r="D69" s="12">
        <v>0</v>
      </c>
      <c r="E69" s="12">
        <v>3537980.9</v>
      </c>
      <c r="F69" s="12">
        <v>3282268.11</v>
      </c>
    </row>
    <row r="70" spans="1:6" x14ac:dyDescent="0.25">
      <c r="A70" s="2" t="s">
        <v>103</v>
      </c>
      <c r="B70" s="4" t="s">
        <v>1237</v>
      </c>
      <c r="C70" s="12">
        <v>2738585.11</v>
      </c>
      <c r="D70" s="12">
        <v>0</v>
      </c>
      <c r="E70" s="12">
        <v>2738585.11</v>
      </c>
      <c r="F70" s="12">
        <v>0</v>
      </c>
    </row>
    <row r="71" spans="1:6" x14ac:dyDescent="0.25">
      <c r="A71" s="3" t="s">
        <v>105</v>
      </c>
      <c r="B71" s="5" t="s">
        <v>1238</v>
      </c>
      <c r="C71" s="11">
        <v>1011332645.17</v>
      </c>
      <c r="D71" s="11">
        <v>20081189.59</v>
      </c>
      <c r="E71" s="11">
        <v>251954637.56</v>
      </c>
      <c r="F71" s="11">
        <v>739296818.01999998</v>
      </c>
    </row>
    <row r="72" spans="1:6" x14ac:dyDescent="0.25">
      <c r="A72" s="2" t="s">
        <v>107</v>
      </c>
      <c r="B72" s="4" t="s">
        <v>1233</v>
      </c>
      <c r="C72" s="12">
        <v>939583359.05999994</v>
      </c>
      <c r="D72" s="12">
        <v>18042467.84</v>
      </c>
      <c r="E72" s="12">
        <v>222587350.99000001</v>
      </c>
      <c r="F72" s="12">
        <v>698953540.23000002</v>
      </c>
    </row>
    <row r="73" spans="1:6" x14ac:dyDescent="0.25">
      <c r="A73" s="2" t="s">
        <v>109</v>
      </c>
      <c r="B73" s="4" t="s">
        <v>1234</v>
      </c>
      <c r="C73" s="12">
        <v>12822002.48</v>
      </c>
      <c r="D73" s="12">
        <v>946052.02</v>
      </c>
      <c r="E73" s="12">
        <v>7772717.5300000003</v>
      </c>
      <c r="F73" s="12">
        <v>4103232.93</v>
      </c>
    </row>
    <row r="74" spans="1:6" x14ac:dyDescent="0.25">
      <c r="A74" s="2" t="s">
        <v>111</v>
      </c>
      <c r="B74" s="4" t="s">
        <v>1235</v>
      </c>
      <c r="C74" s="12">
        <v>22162350.27</v>
      </c>
      <c r="D74" s="12">
        <v>305547.44</v>
      </c>
      <c r="E74" s="12">
        <v>13546671.439999999</v>
      </c>
      <c r="F74" s="12">
        <v>8310131.3899999997</v>
      </c>
    </row>
    <row r="75" spans="1:6" x14ac:dyDescent="0.25">
      <c r="A75" s="2" t="s">
        <v>113</v>
      </c>
      <c r="B75" s="4" t="s">
        <v>1236</v>
      </c>
      <c r="C75" s="12">
        <v>34568944.939999998</v>
      </c>
      <c r="D75" s="12">
        <v>64564.67</v>
      </c>
      <c r="E75" s="12">
        <v>6796026.9800000004</v>
      </c>
      <c r="F75" s="12">
        <v>27708353.289999999</v>
      </c>
    </row>
    <row r="76" spans="1:6" x14ac:dyDescent="0.25">
      <c r="A76" s="2" t="s">
        <v>115</v>
      </c>
      <c r="B76" s="4" t="s">
        <v>1237</v>
      </c>
      <c r="C76" s="12">
        <v>2195988.42</v>
      </c>
      <c r="D76" s="12">
        <v>722557.62</v>
      </c>
      <c r="E76" s="12">
        <v>1251870.6200000001</v>
      </c>
      <c r="F76" s="12">
        <v>221560.18</v>
      </c>
    </row>
    <row r="77" spans="1:6" x14ac:dyDescent="0.25">
      <c r="A77" s="3" t="s">
        <v>117</v>
      </c>
      <c r="B77" s="5" t="s">
        <v>1239</v>
      </c>
      <c r="C77" s="11">
        <v>1177787343.5699999</v>
      </c>
      <c r="D77" s="11">
        <v>38323811.829999998</v>
      </c>
      <c r="E77" s="11">
        <v>353951250.77999997</v>
      </c>
      <c r="F77" s="11">
        <v>785512280.96000004</v>
      </c>
    </row>
    <row r="79" spans="1:6" x14ac:dyDescent="0.25">
      <c r="A79" s="10" t="s">
        <v>6</v>
      </c>
      <c r="B79" s="10" t="s">
        <v>1240</v>
      </c>
      <c r="C79" s="10" t="s">
        <v>1241</v>
      </c>
      <c r="D79" s="10" t="s">
        <v>1242</v>
      </c>
      <c r="E79" s="10" t="s">
        <v>1242</v>
      </c>
    </row>
    <row r="80" spans="1:6" ht="21" x14ac:dyDescent="0.25">
      <c r="A80" s="10" t="s">
        <v>7</v>
      </c>
      <c r="B80" s="10" t="s">
        <v>7</v>
      </c>
      <c r="C80" s="10" t="s">
        <v>7</v>
      </c>
      <c r="D80" s="1" t="s">
        <v>1243</v>
      </c>
      <c r="E80" s="1" t="s">
        <v>1244</v>
      </c>
    </row>
    <row r="81" spans="1:6" x14ac:dyDescent="0.25">
      <c r="A81" s="2" t="s">
        <v>119</v>
      </c>
      <c r="B81" s="4" t="s">
        <v>1245</v>
      </c>
      <c r="C81" s="12">
        <v>606932765.13999999</v>
      </c>
      <c r="D81" s="12">
        <v>25</v>
      </c>
      <c r="E81" s="12">
        <v>24.48</v>
      </c>
    </row>
    <row r="82" spans="1:6" x14ac:dyDescent="0.25">
      <c r="A82" s="2" t="s">
        <v>120</v>
      </c>
      <c r="B82" s="4" t="s">
        <v>1246</v>
      </c>
      <c r="C82" s="12">
        <v>197221351.78</v>
      </c>
      <c r="D82" s="12">
        <v>70</v>
      </c>
      <c r="E82" s="12">
        <v>74.59</v>
      </c>
    </row>
    <row r="83" spans="1:6" x14ac:dyDescent="0.25">
      <c r="A83" s="2" t="s">
        <v>121</v>
      </c>
      <c r="B83" s="4" t="s">
        <v>1247</v>
      </c>
      <c r="C83" s="12">
        <v>0</v>
      </c>
      <c r="D83" s="12">
        <v>50</v>
      </c>
      <c r="E83" s="12">
        <v>0</v>
      </c>
    </row>
    <row r="84" spans="1:6" x14ac:dyDescent="0.25">
      <c r="A84" s="2" t="s">
        <v>122</v>
      </c>
      <c r="B84" s="4" t="s">
        <v>1248</v>
      </c>
      <c r="C84" s="12">
        <v>0</v>
      </c>
      <c r="D84" s="12">
        <v>15</v>
      </c>
      <c r="E84" s="12">
        <v>0</v>
      </c>
    </row>
    <row r="86" spans="1:6" x14ac:dyDescent="0.25">
      <c r="A86" s="10" t="s">
        <v>6</v>
      </c>
      <c r="B86" s="10" t="s">
        <v>1249</v>
      </c>
      <c r="C86" s="10" t="s">
        <v>1250</v>
      </c>
      <c r="D86" s="10" t="s">
        <v>1251</v>
      </c>
    </row>
    <row r="87" spans="1:6" x14ac:dyDescent="0.25">
      <c r="A87" s="10" t="s">
        <v>7</v>
      </c>
      <c r="B87" s="10" t="s">
        <v>7</v>
      </c>
      <c r="C87" s="10" t="s">
        <v>7</v>
      </c>
      <c r="D87" s="10" t="s">
        <v>7</v>
      </c>
    </row>
    <row r="88" spans="1:6" x14ac:dyDescent="0.25">
      <c r="A88" s="2" t="s">
        <v>123</v>
      </c>
      <c r="B88" s="4" t="s">
        <v>1252</v>
      </c>
      <c r="C88" s="12">
        <v>0</v>
      </c>
      <c r="D88" s="12">
        <v>0</v>
      </c>
    </row>
    <row r="89" spans="1:6" x14ac:dyDescent="0.25">
      <c r="A89" s="2" t="s">
        <v>124</v>
      </c>
      <c r="B89" s="4" t="s">
        <v>1253</v>
      </c>
      <c r="C89" s="12">
        <v>0</v>
      </c>
      <c r="D89" s="12">
        <v>0</v>
      </c>
    </row>
    <row r="91" spans="1:6" x14ac:dyDescent="0.25">
      <c r="A91" s="10" t="s">
        <v>6</v>
      </c>
      <c r="B91" s="10" t="s">
        <v>1254</v>
      </c>
      <c r="C91" s="10" t="s">
        <v>1255</v>
      </c>
      <c r="D91" s="10" t="s">
        <v>1256</v>
      </c>
      <c r="E91" s="10" t="s">
        <v>1257</v>
      </c>
      <c r="F91" s="10" t="s">
        <v>1258</v>
      </c>
    </row>
    <row r="92" spans="1:6" x14ac:dyDescent="0.25">
      <c r="A92" s="10" t="s">
        <v>7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</row>
    <row r="93" spans="1:6" x14ac:dyDescent="0.25">
      <c r="A93" s="2" t="s">
        <v>125</v>
      </c>
      <c r="B93" s="4" t="s">
        <v>1259</v>
      </c>
      <c r="C93" s="12">
        <v>0</v>
      </c>
      <c r="D93" s="12">
        <v>0</v>
      </c>
      <c r="E93" s="12">
        <v>0</v>
      </c>
      <c r="F93" s="12">
        <v>0</v>
      </c>
    </row>
    <row r="94" spans="1:6" x14ac:dyDescent="0.25">
      <c r="A94" s="2" t="s">
        <v>127</v>
      </c>
      <c r="B94" s="4" t="s">
        <v>1260</v>
      </c>
      <c r="C94" s="12">
        <v>0</v>
      </c>
      <c r="D94" s="12">
        <v>0</v>
      </c>
      <c r="E94" s="12">
        <v>0</v>
      </c>
      <c r="F94" s="12">
        <v>0</v>
      </c>
    </row>
    <row r="95" spans="1:6" x14ac:dyDescent="0.25">
      <c r="A95" s="2" t="s">
        <v>129</v>
      </c>
      <c r="B95" s="4" t="s">
        <v>1261</v>
      </c>
      <c r="C95" s="12">
        <v>0</v>
      </c>
      <c r="D95" s="12">
        <v>0</v>
      </c>
      <c r="E95" s="12">
        <v>0</v>
      </c>
      <c r="F95" s="12">
        <v>0</v>
      </c>
    </row>
    <row r="96" spans="1:6" x14ac:dyDescent="0.25">
      <c r="A96" s="2" t="s">
        <v>131</v>
      </c>
      <c r="B96" s="4" t="s">
        <v>1213</v>
      </c>
      <c r="C96" s="12">
        <v>0</v>
      </c>
      <c r="D96" s="12">
        <v>0</v>
      </c>
      <c r="E96" s="12">
        <v>0</v>
      </c>
      <c r="F96" s="12">
        <v>0</v>
      </c>
    </row>
    <row r="97" spans="1:6" x14ac:dyDescent="0.25">
      <c r="A97" s="2" t="s">
        <v>133</v>
      </c>
      <c r="B97" s="4" t="s">
        <v>1262</v>
      </c>
      <c r="C97" s="12">
        <v>0</v>
      </c>
      <c r="D97" s="12">
        <v>0</v>
      </c>
      <c r="E97" s="12">
        <v>0</v>
      </c>
      <c r="F97" s="12">
        <v>0</v>
      </c>
    </row>
    <row r="98" spans="1:6" x14ac:dyDescent="0.25">
      <c r="A98" s="2" t="s">
        <v>135</v>
      </c>
      <c r="B98" s="4" t="s">
        <v>1260</v>
      </c>
      <c r="C98" s="12">
        <v>0</v>
      </c>
      <c r="D98" s="12">
        <v>0</v>
      </c>
      <c r="E98" s="12">
        <v>0</v>
      </c>
      <c r="F98" s="12">
        <v>0</v>
      </c>
    </row>
    <row r="99" spans="1:6" x14ac:dyDescent="0.25">
      <c r="A99" s="2" t="s">
        <v>137</v>
      </c>
      <c r="B99" s="4" t="s">
        <v>1261</v>
      </c>
      <c r="C99" s="12">
        <v>0</v>
      </c>
      <c r="D99" s="12">
        <v>0</v>
      </c>
      <c r="E99" s="12">
        <v>0</v>
      </c>
      <c r="F99" s="12">
        <v>0</v>
      </c>
    </row>
    <row r="100" spans="1:6" x14ac:dyDescent="0.25">
      <c r="A100" s="2" t="s">
        <v>139</v>
      </c>
      <c r="B100" s="4" t="s">
        <v>1213</v>
      </c>
      <c r="C100" s="12">
        <v>0</v>
      </c>
      <c r="D100" s="12">
        <v>0</v>
      </c>
      <c r="E100" s="12">
        <v>0</v>
      </c>
      <c r="F100" s="12">
        <v>0</v>
      </c>
    </row>
    <row r="101" spans="1:6" x14ac:dyDescent="0.25">
      <c r="A101" s="2" t="s">
        <v>141</v>
      </c>
      <c r="B101" s="4" t="s">
        <v>1263</v>
      </c>
      <c r="C101" s="12">
        <v>0</v>
      </c>
      <c r="D101" s="12">
        <v>0</v>
      </c>
      <c r="E101" s="12">
        <v>0</v>
      </c>
      <c r="F101" s="12">
        <v>0</v>
      </c>
    </row>
    <row r="102" spans="1:6" x14ac:dyDescent="0.25">
      <c r="A102" s="2" t="s">
        <v>143</v>
      </c>
      <c r="B102" s="4" t="s">
        <v>1264</v>
      </c>
      <c r="C102" s="12">
        <v>0</v>
      </c>
      <c r="D102" s="12">
        <v>0</v>
      </c>
      <c r="E102" s="12">
        <v>0</v>
      </c>
      <c r="F102" s="12">
        <v>0</v>
      </c>
    </row>
    <row r="103" spans="1:6" x14ac:dyDescent="0.25">
      <c r="A103" s="2" t="s">
        <v>145</v>
      </c>
      <c r="B103" s="4" t="s">
        <v>1265</v>
      </c>
      <c r="C103" s="12">
        <v>0</v>
      </c>
      <c r="D103" s="12">
        <v>0</v>
      </c>
      <c r="E103" s="12">
        <v>0</v>
      </c>
      <c r="F103" s="12">
        <v>0</v>
      </c>
    </row>
    <row r="104" spans="1:6" x14ac:dyDescent="0.25">
      <c r="A104" s="2" t="s">
        <v>147</v>
      </c>
      <c r="B104" s="4" t="s">
        <v>1220</v>
      </c>
      <c r="C104" s="12">
        <v>0</v>
      </c>
      <c r="D104" s="12">
        <v>0</v>
      </c>
      <c r="E104" s="12">
        <v>0</v>
      </c>
      <c r="F104" s="12">
        <v>0</v>
      </c>
    </row>
    <row r="106" spans="1:6" x14ac:dyDescent="0.25">
      <c r="A106" s="10" t="s">
        <v>6</v>
      </c>
      <c r="B106" s="10" t="s">
        <v>1266</v>
      </c>
      <c r="C106" s="10" t="s">
        <v>1250</v>
      </c>
      <c r="D106" s="10" t="s">
        <v>1267</v>
      </c>
    </row>
    <row r="107" spans="1:6" x14ac:dyDescent="0.25">
      <c r="A107" s="10" t="s">
        <v>7</v>
      </c>
      <c r="B107" s="10" t="s">
        <v>7</v>
      </c>
      <c r="C107" s="10" t="s">
        <v>7</v>
      </c>
      <c r="D107" s="10" t="s">
        <v>7</v>
      </c>
    </row>
    <row r="108" spans="1:6" x14ac:dyDescent="0.25">
      <c r="A108" s="2" t="s">
        <v>149</v>
      </c>
      <c r="B108" s="4" t="s">
        <v>1268</v>
      </c>
      <c r="C108" s="12">
        <v>0</v>
      </c>
      <c r="D108" s="12">
        <v>0</v>
      </c>
    </row>
    <row r="109" spans="1:6" x14ac:dyDescent="0.25">
      <c r="A109" s="2" t="s">
        <v>151</v>
      </c>
      <c r="B109" s="4" t="s">
        <v>1269</v>
      </c>
      <c r="C109" s="12">
        <v>0</v>
      </c>
      <c r="D109" s="12">
        <v>0</v>
      </c>
    </row>
    <row r="111" spans="1:6" x14ac:dyDescent="0.25">
      <c r="A111" s="10" t="s">
        <v>6</v>
      </c>
      <c r="B111" s="10" t="s">
        <v>1270</v>
      </c>
      <c r="C111" s="10" t="s">
        <v>1241</v>
      </c>
      <c r="D111" s="10" t="s">
        <v>1271</v>
      </c>
      <c r="E111" s="10" t="s">
        <v>1271</v>
      </c>
    </row>
    <row r="112" spans="1:6" ht="21" x14ac:dyDescent="0.25">
      <c r="A112" s="10" t="s">
        <v>7</v>
      </c>
      <c r="B112" s="10" t="s">
        <v>7</v>
      </c>
      <c r="C112" s="10" t="s">
        <v>7</v>
      </c>
      <c r="D112" s="1" t="s">
        <v>1243</v>
      </c>
      <c r="E112" s="1" t="s">
        <v>1244</v>
      </c>
    </row>
    <row r="113" spans="1:5" x14ac:dyDescent="0.25">
      <c r="A113" s="2" t="s">
        <v>153</v>
      </c>
      <c r="B113" s="4" t="s">
        <v>1272</v>
      </c>
      <c r="C113" s="12">
        <v>188852800.25</v>
      </c>
      <c r="D113" s="12">
        <v>12</v>
      </c>
      <c r="E113" s="12">
        <v>7.62</v>
      </c>
    </row>
    <row r="115" spans="1:5" x14ac:dyDescent="0.25">
      <c r="A115" s="10" t="s">
        <v>6</v>
      </c>
      <c r="B115" s="10" t="s">
        <v>1273</v>
      </c>
      <c r="C115" s="10" t="s">
        <v>1274</v>
      </c>
    </row>
    <row r="116" spans="1:5" x14ac:dyDescent="0.25">
      <c r="A116" s="10" t="s">
        <v>7</v>
      </c>
      <c r="B116" s="10" t="s">
        <v>7</v>
      </c>
      <c r="C116" s="10" t="s">
        <v>7</v>
      </c>
    </row>
    <row r="117" spans="1:5" x14ac:dyDescent="0.25">
      <c r="A117" s="2" t="s">
        <v>154</v>
      </c>
      <c r="B117" s="4" t="s">
        <v>1275</v>
      </c>
      <c r="C117" s="12">
        <v>0</v>
      </c>
    </row>
  </sheetData>
  <mergeCells count="54">
    <mergeCell ref="A111:A112"/>
    <mergeCell ref="B111:B112"/>
    <mergeCell ref="C111:C112"/>
    <mergeCell ref="D111:E111"/>
    <mergeCell ref="A115:A116"/>
    <mergeCell ref="B115:B116"/>
    <mergeCell ref="C115:C116"/>
    <mergeCell ref="E91:E92"/>
    <mergeCell ref="F91:F92"/>
    <mergeCell ref="A106:A107"/>
    <mergeCell ref="B106:B107"/>
    <mergeCell ref="C106:C107"/>
    <mergeCell ref="D106:D107"/>
    <mergeCell ref="A86:A87"/>
    <mergeCell ref="B86:B87"/>
    <mergeCell ref="C86:C87"/>
    <mergeCell ref="D86:D87"/>
    <mergeCell ref="A91:A92"/>
    <mergeCell ref="B91:B92"/>
    <mergeCell ref="C91:C92"/>
    <mergeCell ref="D91:D92"/>
    <mergeCell ref="F63:F64"/>
    <mergeCell ref="A79:A80"/>
    <mergeCell ref="B79:B80"/>
    <mergeCell ref="C79:C80"/>
    <mergeCell ref="D79:E79"/>
    <mergeCell ref="A63:A64"/>
    <mergeCell ref="B63:B64"/>
    <mergeCell ref="C63:C64"/>
    <mergeCell ref="D63:D64"/>
    <mergeCell ref="E63:E64"/>
    <mergeCell ref="A58:A59"/>
    <mergeCell ref="B58:B59"/>
    <mergeCell ref="C58:C59"/>
    <mergeCell ref="D58:D59"/>
    <mergeCell ref="E58:E59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R28"/>
  <sheetViews>
    <sheetView showGridLines="0" topLeftCell="A4" workbookViewId="0">
      <selection activeCell="C28" sqref="C28:F28"/>
    </sheetView>
  </sheetViews>
  <sheetFormatPr defaultRowHeight="15" x14ac:dyDescent="0.25"/>
  <cols>
    <col min="1" max="1" width="1.85546875" bestFit="1" customWidth="1"/>
    <col min="2" max="2" width="64" bestFit="1" customWidth="1"/>
    <col min="3" max="14" width="19.140625" bestFit="1" customWidth="1"/>
    <col min="15" max="15" width="20.28515625" bestFit="1" customWidth="1"/>
    <col min="16" max="16" width="17.28515625" bestFit="1" customWidth="1"/>
    <col min="17" max="17" width="14.85546875" bestFit="1" customWidth="1"/>
    <col min="18" max="18" width="20.140625" bestFit="1" customWidth="1"/>
  </cols>
  <sheetData>
    <row r="3" spans="1:18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</row>
    <row r="4" spans="1:18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</row>
    <row r="5" spans="1:18" x14ac:dyDescent="0.25">
      <c r="A5" s="8" t="s">
        <v>37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</row>
    <row r="6" spans="1:18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</row>
    <row r="7" spans="1:18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  <c r="Q7" s="7"/>
      <c r="R7" s="7"/>
    </row>
    <row r="9" spans="1:18" x14ac:dyDescent="0.25">
      <c r="A9" s="9" t="s">
        <v>37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  <c r="Q9" s="7"/>
      <c r="R9" s="7"/>
    </row>
    <row r="10" spans="1:18" x14ac:dyDescent="0.25">
      <c r="A10" s="10" t="s">
        <v>6</v>
      </c>
      <c r="B10" s="10" t="s">
        <v>230</v>
      </c>
      <c r="C10" s="10" t="s">
        <v>372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385</v>
      </c>
    </row>
    <row r="11" spans="1:18" x14ac:dyDescent="0.25">
      <c r="A11" s="10" t="s">
        <v>7</v>
      </c>
      <c r="B11" s="10" t="s">
        <v>7</v>
      </c>
      <c r="C11" s="1" t="s">
        <v>373</v>
      </c>
      <c r="D11" s="1" t="s">
        <v>374</v>
      </c>
      <c r="E11" s="1" t="s">
        <v>375</v>
      </c>
      <c r="F11" s="1" t="s">
        <v>376</v>
      </c>
      <c r="G11" s="1" t="s">
        <v>377</v>
      </c>
      <c r="H11" s="1" t="s">
        <v>378</v>
      </c>
      <c r="I11" s="1" t="s">
        <v>379</v>
      </c>
      <c r="J11" s="1" t="s">
        <v>380</v>
      </c>
      <c r="K11" s="1" t="s">
        <v>381</v>
      </c>
      <c r="L11" s="1" t="s">
        <v>382</v>
      </c>
      <c r="M11" s="1" t="s">
        <v>383</v>
      </c>
      <c r="N11" s="1" t="s">
        <v>384</v>
      </c>
      <c r="O11" s="10" t="s">
        <v>7</v>
      </c>
    </row>
    <row r="12" spans="1:18" x14ac:dyDescent="0.25">
      <c r="A12" s="3" t="s">
        <v>17</v>
      </c>
      <c r="B12" s="5" t="s">
        <v>386</v>
      </c>
      <c r="C12" s="11">
        <v>1456102113.3</v>
      </c>
      <c r="D12" s="11">
        <v>1527156116.6700001</v>
      </c>
      <c r="E12" s="11">
        <v>1487457576.5</v>
      </c>
      <c r="F12" s="11">
        <v>1581582186.2</v>
      </c>
      <c r="G12" s="11">
        <v>1629135355.9000001</v>
      </c>
      <c r="H12" s="11">
        <v>1690790099.6500001</v>
      </c>
      <c r="I12" s="11">
        <v>1618521021.1600001</v>
      </c>
      <c r="J12" s="11">
        <v>1620205675.54</v>
      </c>
      <c r="K12" s="11">
        <v>1727036997.8399999</v>
      </c>
      <c r="L12" s="11">
        <v>2176477752.3600001</v>
      </c>
      <c r="M12" s="11">
        <v>1771059392.4200001</v>
      </c>
      <c r="N12" s="11">
        <v>1625357194.96</v>
      </c>
      <c r="O12" s="11">
        <v>19910881482.5</v>
      </c>
    </row>
    <row r="13" spans="1:18" x14ac:dyDescent="0.25">
      <c r="A13" s="2" t="s">
        <v>19</v>
      </c>
      <c r="B13" s="4" t="s">
        <v>387</v>
      </c>
      <c r="C13" s="12">
        <v>1320824416.8599999</v>
      </c>
      <c r="D13" s="12">
        <v>1373094023.0699999</v>
      </c>
      <c r="E13" s="12">
        <v>1342584256.3499999</v>
      </c>
      <c r="F13" s="12">
        <v>1393930917.5999999</v>
      </c>
      <c r="G13" s="12">
        <v>1419881729.9200001</v>
      </c>
      <c r="H13" s="12">
        <v>1524423494.1199999</v>
      </c>
      <c r="I13" s="12">
        <v>1452118108.73</v>
      </c>
      <c r="J13" s="12">
        <v>1450733216.71</v>
      </c>
      <c r="K13" s="12">
        <v>1543848721.77</v>
      </c>
      <c r="L13" s="12">
        <v>1799700967.54</v>
      </c>
      <c r="M13" s="12">
        <v>1677776132.01</v>
      </c>
      <c r="N13" s="12">
        <v>1439906501.8</v>
      </c>
      <c r="O13" s="12">
        <v>17738822486.48</v>
      </c>
    </row>
    <row r="14" spans="1:18" x14ac:dyDescent="0.25">
      <c r="A14" s="2" t="s">
        <v>21</v>
      </c>
      <c r="B14" s="4" t="s">
        <v>226</v>
      </c>
      <c r="C14" s="12">
        <v>135277696.44</v>
      </c>
      <c r="D14" s="12">
        <v>154062093.59999999</v>
      </c>
      <c r="E14" s="12">
        <v>144873320.15000001</v>
      </c>
      <c r="F14" s="12">
        <v>187651268.59999999</v>
      </c>
      <c r="G14" s="12">
        <v>209253625.97999999</v>
      </c>
      <c r="H14" s="12">
        <v>166366605.53</v>
      </c>
      <c r="I14" s="12">
        <v>166402912.43000001</v>
      </c>
      <c r="J14" s="12">
        <v>169472458.83000001</v>
      </c>
      <c r="K14" s="12">
        <v>183188276.06999999</v>
      </c>
      <c r="L14" s="12">
        <v>376776784.81999999</v>
      </c>
      <c r="M14" s="12">
        <v>93283260.409999996</v>
      </c>
      <c r="N14" s="12">
        <v>185450693.16</v>
      </c>
      <c r="O14" s="12">
        <v>2172058996.02</v>
      </c>
    </row>
    <row r="16" spans="1:18" x14ac:dyDescent="0.25">
      <c r="A16" s="10" t="s">
        <v>6</v>
      </c>
      <c r="B16" s="10" t="s">
        <v>388</v>
      </c>
      <c r="C16" s="10" t="s">
        <v>389</v>
      </c>
      <c r="D16" s="10" t="s">
        <v>7</v>
      </c>
      <c r="E16" s="10" t="s">
        <v>7</v>
      </c>
      <c r="F16" s="10" t="s">
        <v>7</v>
      </c>
      <c r="G16" s="10" t="s">
        <v>7</v>
      </c>
      <c r="H16" s="10" t="s">
        <v>7</v>
      </c>
      <c r="I16" s="10" t="s">
        <v>7</v>
      </c>
      <c r="J16" s="10" t="s">
        <v>7</v>
      </c>
      <c r="K16" s="10" t="s">
        <v>7</v>
      </c>
      <c r="L16" s="10" t="s">
        <v>7</v>
      </c>
      <c r="M16" s="10" t="s">
        <v>7</v>
      </c>
      <c r="N16" s="10" t="s">
        <v>7</v>
      </c>
      <c r="O16" s="10" t="s">
        <v>390</v>
      </c>
      <c r="P16" s="10" t="s">
        <v>391</v>
      </c>
      <c r="Q16" s="10" t="s">
        <v>7</v>
      </c>
      <c r="R16" s="10" t="s">
        <v>394</v>
      </c>
    </row>
    <row r="17" spans="1:18" ht="42" x14ac:dyDescent="0.25">
      <c r="A17" s="10" t="s">
        <v>7</v>
      </c>
      <c r="B17" s="10" t="s">
        <v>7</v>
      </c>
      <c r="C17" s="1" t="s">
        <v>373</v>
      </c>
      <c r="D17" s="1" t="s">
        <v>374</v>
      </c>
      <c r="E17" s="1" t="s">
        <v>375</v>
      </c>
      <c r="F17" s="1" t="s">
        <v>376</v>
      </c>
      <c r="G17" s="1" t="s">
        <v>377</v>
      </c>
      <c r="H17" s="1" t="s">
        <v>378</v>
      </c>
      <c r="I17" s="1" t="s">
        <v>379</v>
      </c>
      <c r="J17" s="1" t="s">
        <v>380</v>
      </c>
      <c r="K17" s="1" t="s">
        <v>381</v>
      </c>
      <c r="L17" s="1" t="s">
        <v>382</v>
      </c>
      <c r="M17" s="1" t="s">
        <v>383</v>
      </c>
      <c r="N17" s="1" t="s">
        <v>384</v>
      </c>
      <c r="O17" s="10" t="s">
        <v>7</v>
      </c>
      <c r="P17" s="1" t="s">
        <v>392</v>
      </c>
      <c r="Q17" s="1" t="s">
        <v>393</v>
      </c>
      <c r="R17" s="10" t="s">
        <v>7</v>
      </c>
    </row>
    <row r="18" spans="1:18" x14ac:dyDescent="0.25">
      <c r="A18" s="3" t="s">
        <v>23</v>
      </c>
      <c r="B18" s="5" t="s">
        <v>395</v>
      </c>
      <c r="C18" s="11">
        <v>1194120062.24</v>
      </c>
      <c r="D18" s="11">
        <v>1185979248.6199999</v>
      </c>
      <c r="E18" s="11">
        <v>1127695195.48</v>
      </c>
      <c r="F18" s="11">
        <v>1200361039.71</v>
      </c>
      <c r="G18" s="11">
        <v>1244918382.7</v>
      </c>
      <c r="H18" s="11">
        <v>1281483387.53</v>
      </c>
      <c r="I18" s="11">
        <v>1267381434.2</v>
      </c>
      <c r="J18" s="11">
        <v>1256153616.8599999</v>
      </c>
      <c r="K18" s="11">
        <v>1293199726.6099999</v>
      </c>
      <c r="L18" s="11">
        <v>2231228016.46</v>
      </c>
      <c r="M18" s="11">
        <v>1169832839.48</v>
      </c>
      <c r="N18" s="11">
        <v>1290883066.02</v>
      </c>
      <c r="O18" s="11">
        <v>15743236015.91</v>
      </c>
      <c r="P18" s="11">
        <v>366661568.51999998</v>
      </c>
      <c r="Q18" s="11">
        <v>8680505.2899999991</v>
      </c>
      <c r="R18" s="11">
        <v>16101217079.139999</v>
      </c>
    </row>
    <row r="19" spans="1:18" x14ac:dyDescent="0.25">
      <c r="A19" s="2" t="s">
        <v>25</v>
      </c>
      <c r="B19" s="4" t="s">
        <v>396</v>
      </c>
      <c r="C19" s="12">
        <v>1027738586.5599999</v>
      </c>
      <c r="D19" s="12">
        <v>1022444748.26</v>
      </c>
      <c r="E19" s="12">
        <v>959903910.76999998</v>
      </c>
      <c r="F19" s="12">
        <v>1031131680.6900001</v>
      </c>
      <c r="G19" s="12">
        <v>1079834734.79</v>
      </c>
      <c r="H19" s="12">
        <v>1116213252.79</v>
      </c>
      <c r="I19" s="12">
        <v>1101107845.6900001</v>
      </c>
      <c r="J19" s="12">
        <v>1087921916</v>
      </c>
      <c r="K19" s="12">
        <v>1115084746.3299999</v>
      </c>
      <c r="L19" s="12">
        <v>1922943784.77</v>
      </c>
      <c r="M19" s="12">
        <v>990472805.45000005</v>
      </c>
      <c r="N19" s="12">
        <v>1105928781.9200001</v>
      </c>
      <c r="O19" s="12">
        <v>13560726794.02</v>
      </c>
      <c r="P19" s="12">
        <v>366661568.51999998</v>
      </c>
      <c r="Q19" s="12">
        <v>8680505.2899999991</v>
      </c>
      <c r="R19" s="12">
        <v>13918707857.25</v>
      </c>
    </row>
    <row r="20" spans="1:18" x14ac:dyDescent="0.25">
      <c r="A20" s="2" t="s">
        <v>27</v>
      </c>
      <c r="B20" s="4" t="s">
        <v>349</v>
      </c>
      <c r="C20" s="12">
        <v>166381475.68000001</v>
      </c>
      <c r="D20" s="12">
        <v>163534500.36000001</v>
      </c>
      <c r="E20" s="12">
        <v>167791284.71000001</v>
      </c>
      <c r="F20" s="12">
        <v>169229359.02000001</v>
      </c>
      <c r="G20" s="12">
        <v>165083647.91</v>
      </c>
      <c r="H20" s="12">
        <v>165270134.74000001</v>
      </c>
      <c r="I20" s="12">
        <v>166273588.50999999</v>
      </c>
      <c r="J20" s="12">
        <v>168231700.86000001</v>
      </c>
      <c r="K20" s="12">
        <v>178114980.28</v>
      </c>
      <c r="L20" s="12">
        <v>308284231.69</v>
      </c>
      <c r="M20" s="12">
        <v>179360034.03</v>
      </c>
      <c r="N20" s="12">
        <v>184954284.09999999</v>
      </c>
      <c r="O20" s="12">
        <v>2182509221.8899999</v>
      </c>
      <c r="P20" s="12">
        <v>0</v>
      </c>
      <c r="Q20" s="12">
        <v>0</v>
      </c>
      <c r="R20" s="12">
        <v>2182509221.8899999</v>
      </c>
    </row>
    <row r="22" spans="1:18" x14ac:dyDescent="0.25">
      <c r="A22" s="10" t="s">
        <v>6</v>
      </c>
      <c r="B22" s="10" t="s">
        <v>397</v>
      </c>
      <c r="C22" s="10" t="s">
        <v>398</v>
      </c>
    </row>
    <row r="23" spans="1:18" x14ac:dyDescent="0.25">
      <c r="A23" s="10" t="s">
        <v>7</v>
      </c>
      <c r="B23" s="10" t="s">
        <v>7</v>
      </c>
      <c r="C23" s="10" t="s">
        <v>7</v>
      </c>
    </row>
    <row r="24" spans="1:18" x14ac:dyDescent="0.25">
      <c r="A24" s="2" t="s">
        <v>29</v>
      </c>
      <c r="B24" s="4" t="s">
        <v>399</v>
      </c>
      <c r="C24" s="12">
        <v>80.87</v>
      </c>
    </row>
    <row r="26" spans="1:18" x14ac:dyDescent="0.25">
      <c r="A26" s="10" t="s">
        <v>6</v>
      </c>
      <c r="B26" s="10" t="s">
        <v>400</v>
      </c>
      <c r="C26" s="10" t="s">
        <v>401</v>
      </c>
      <c r="D26" s="10" t="s">
        <v>402</v>
      </c>
      <c r="E26" s="10" t="s">
        <v>403</v>
      </c>
      <c r="F26" s="10" t="s">
        <v>404</v>
      </c>
    </row>
    <row r="27" spans="1:18" x14ac:dyDescent="0.25">
      <c r="A27" s="10" t="s">
        <v>7</v>
      </c>
      <c r="B27" s="10" t="s">
        <v>7</v>
      </c>
      <c r="C27" s="10" t="s">
        <v>7</v>
      </c>
      <c r="D27" s="10" t="s">
        <v>7</v>
      </c>
      <c r="E27" s="10" t="s">
        <v>7</v>
      </c>
      <c r="F27" s="10" t="s">
        <v>7</v>
      </c>
    </row>
    <row r="28" spans="1:18" x14ac:dyDescent="0.25">
      <c r="A28" s="2" t="s">
        <v>31</v>
      </c>
      <c r="B28" s="4" t="s">
        <v>405</v>
      </c>
      <c r="C28" s="12">
        <v>95</v>
      </c>
      <c r="D28" s="12">
        <v>0</v>
      </c>
      <c r="E28" s="12">
        <v>0</v>
      </c>
      <c r="F28" s="12">
        <v>0</v>
      </c>
    </row>
  </sheetData>
  <mergeCells count="25">
    <mergeCell ref="R16:R17"/>
    <mergeCell ref="A22:A23"/>
    <mergeCell ref="B22:B23"/>
    <mergeCell ref="C22:C23"/>
    <mergeCell ref="A26:A27"/>
    <mergeCell ref="B26:B27"/>
    <mergeCell ref="C26:C27"/>
    <mergeCell ref="D26:D27"/>
    <mergeCell ref="E26:E27"/>
    <mergeCell ref="F26:F27"/>
    <mergeCell ref="A16:A17"/>
    <mergeCell ref="B16:B17"/>
    <mergeCell ref="C16:N16"/>
    <mergeCell ref="O16:O17"/>
    <mergeCell ref="P16:Q16"/>
    <mergeCell ref="A9:R9"/>
    <mergeCell ref="A10:A11"/>
    <mergeCell ref="B10:B11"/>
    <mergeCell ref="C10:N10"/>
    <mergeCell ref="O10:O11"/>
    <mergeCell ref="A3:R3"/>
    <mergeCell ref="A4:R4"/>
    <mergeCell ref="A5:R5"/>
    <mergeCell ref="A6:R6"/>
    <mergeCell ref="A7:R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7"/>
  <sheetViews>
    <sheetView showGridLines="0" workbookViewId="0"/>
  </sheetViews>
  <sheetFormatPr defaultRowHeight="15" x14ac:dyDescent="0.25"/>
  <cols>
    <col min="3" max="4" width="20.140625" bestFit="1" customWidth="1"/>
    <col min="5" max="6" width="19" bestFit="1" customWidth="1"/>
    <col min="7" max="7" width="9.28515625" bestFit="1" customWidth="1"/>
    <col min="8" max="8" width="20.140625" bestFit="1" customWidth="1"/>
    <col min="9" max="10" width="19" bestFit="1" customWidth="1"/>
    <col min="11" max="11" width="9.28515625" bestFit="1" customWidth="1"/>
    <col min="12" max="12" width="20.140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40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40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408</v>
      </c>
      <c r="C10" s="10" t="s">
        <v>409</v>
      </c>
      <c r="D10" s="10" t="s">
        <v>410</v>
      </c>
      <c r="E10" s="10" t="s">
        <v>170</v>
      </c>
      <c r="F10" s="10" t="s">
        <v>7</v>
      </c>
      <c r="G10" s="10" t="s">
        <v>7</v>
      </c>
      <c r="H10" s="10" t="s">
        <v>413</v>
      </c>
      <c r="I10" s="10" t="s">
        <v>174</v>
      </c>
      <c r="J10" s="10" t="s">
        <v>7</v>
      </c>
      <c r="K10" s="10" t="s">
        <v>7</v>
      </c>
      <c r="L10" s="10" t="s">
        <v>416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71</v>
      </c>
      <c r="F11" s="1" t="s">
        <v>411</v>
      </c>
      <c r="G11" s="1" t="s">
        <v>412</v>
      </c>
      <c r="H11" s="10" t="s">
        <v>7</v>
      </c>
      <c r="I11" s="1" t="s">
        <v>171</v>
      </c>
      <c r="J11" s="1" t="s">
        <v>414</v>
      </c>
      <c r="K11" s="1" t="s">
        <v>415</v>
      </c>
      <c r="L11" s="10" t="s">
        <v>7</v>
      </c>
    </row>
    <row r="12" spans="1:12" x14ac:dyDescent="0.25">
      <c r="A12" s="3" t="s">
        <v>17</v>
      </c>
      <c r="B12" s="5" t="s">
        <v>417</v>
      </c>
      <c r="C12" s="11">
        <v>16623418000</v>
      </c>
      <c r="D12" s="11">
        <v>18140568001.439999</v>
      </c>
      <c r="E12" s="11">
        <v>5734306522.3299999</v>
      </c>
      <c r="F12" s="11">
        <v>5734306522.3299999</v>
      </c>
      <c r="G12" s="11">
        <v>90.59</v>
      </c>
      <c r="H12" s="11">
        <v>12406261479.110001</v>
      </c>
      <c r="I12" s="11">
        <v>2318549797.6599998</v>
      </c>
      <c r="J12" s="11">
        <v>2318549797.6599998</v>
      </c>
      <c r="K12" s="11">
        <v>86.44</v>
      </c>
      <c r="L12" s="11">
        <v>15822018203.780001</v>
      </c>
    </row>
    <row r="13" spans="1:12" x14ac:dyDescent="0.25">
      <c r="A13" s="3" t="s">
        <v>19</v>
      </c>
      <c r="B13" s="5" t="s">
        <v>418</v>
      </c>
      <c r="C13" s="11">
        <v>572535500</v>
      </c>
      <c r="D13" s="11">
        <v>574035500</v>
      </c>
      <c r="E13" s="11">
        <v>238153503.96000001</v>
      </c>
      <c r="F13" s="11">
        <v>238153503.96000001</v>
      </c>
      <c r="G13" s="11">
        <v>3.77</v>
      </c>
      <c r="H13" s="11">
        <v>335881996.04000002</v>
      </c>
      <c r="I13" s="11">
        <v>60910716.409999996</v>
      </c>
      <c r="J13" s="11">
        <v>60910716.409999996</v>
      </c>
      <c r="K13" s="11">
        <v>2.27</v>
      </c>
      <c r="L13" s="11">
        <v>513124783.58999997</v>
      </c>
    </row>
    <row r="14" spans="1:12" x14ac:dyDescent="0.25">
      <c r="A14" s="2" t="s">
        <v>21</v>
      </c>
      <c r="B14" s="4" t="s">
        <v>419</v>
      </c>
      <c r="C14" s="12">
        <v>294114000</v>
      </c>
      <c r="D14" s="12">
        <v>295614000</v>
      </c>
      <c r="E14" s="12">
        <v>63768923.850000001</v>
      </c>
      <c r="F14" s="12">
        <v>63768923.850000001</v>
      </c>
      <c r="G14" s="12">
        <v>1.01</v>
      </c>
      <c r="H14" s="12">
        <v>231845076.15000001</v>
      </c>
      <c r="I14" s="12">
        <v>34204438.520000003</v>
      </c>
      <c r="J14" s="12">
        <v>34204438.520000003</v>
      </c>
      <c r="K14" s="12">
        <v>1.27</v>
      </c>
      <c r="L14" s="12">
        <v>261409561.47999999</v>
      </c>
    </row>
    <row r="15" spans="1:12" x14ac:dyDescent="0.25">
      <c r="A15" s="2" t="s">
        <v>23</v>
      </c>
      <c r="B15" s="4" t="s">
        <v>420</v>
      </c>
      <c r="C15" s="12">
        <v>276621500</v>
      </c>
      <c r="D15" s="12">
        <v>276621500</v>
      </c>
      <c r="E15" s="12">
        <v>172778690.15000001</v>
      </c>
      <c r="F15" s="12">
        <v>172778690.15000001</v>
      </c>
      <c r="G15" s="12">
        <v>2.73</v>
      </c>
      <c r="H15" s="12">
        <v>103842809.84999999</v>
      </c>
      <c r="I15" s="12">
        <v>26449243.850000001</v>
      </c>
      <c r="J15" s="12">
        <v>26449243.850000001</v>
      </c>
      <c r="K15" s="12">
        <v>0.99</v>
      </c>
      <c r="L15" s="12">
        <v>250172256.15000001</v>
      </c>
    </row>
    <row r="16" spans="1:12" x14ac:dyDescent="0.25">
      <c r="A16" s="2" t="s">
        <v>25</v>
      </c>
      <c r="B16" s="4" t="s">
        <v>421</v>
      </c>
      <c r="C16" s="12">
        <v>1800000</v>
      </c>
      <c r="D16" s="12">
        <v>1800000</v>
      </c>
      <c r="E16" s="12">
        <v>1605889.96</v>
      </c>
      <c r="F16" s="12">
        <v>1605889.96</v>
      </c>
      <c r="G16" s="12">
        <v>0.03</v>
      </c>
      <c r="H16" s="12">
        <v>194110.04</v>
      </c>
      <c r="I16" s="12">
        <v>257034.04</v>
      </c>
      <c r="J16" s="12">
        <v>257034.04</v>
      </c>
      <c r="K16" s="12">
        <v>0.01</v>
      </c>
      <c r="L16" s="12">
        <v>1542965.96</v>
      </c>
    </row>
    <row r="17" spans="1:12" x14ac:dyDescent="0.25">
      <c r="A17" s="3" t="s">
        <v>27</v>
      </c>
      <c r="B17" s="5" t="s">
        <v>422</v>
      </c>
      <c r="C17" s="11">
        <v>1065908600</v>
      </c>
      <c r="D17" s="11">
        <v>1080308600</v>
      </c>
      <c r="E17" s="11">
        <v>987667327.50999999</v>
      </c>
      <c r="F17" s="11">
        <v>987667327.50999999</v>
      </c>
      <c r="G17" s="11">
        <v>15.61</v>
      </c>
      <c r="H17" s="11">
        <v>92641272.489999995</v>
      </c>
      <c r="I17" s="11">
        <v>148870453.88</v>
      </c>
      <c r="J17" s="11">
        <v>148870453.88</v>
      </c>
      <c r="K17" s="11">
        <v>5.54</v>
      </c>
      <c r="L17" s="11">
        <v>931438146.12</v>
      </c>
    </row>
    <row r="18" spans="1:12" x14ac:dyDescent="0.25">
      <c r="A18" s="2" t="s">
        <v>29</v>
      </c>
      <c r="B18" s="4" t="s">
        <v>423</v>
      </c>
      <c r="C18" s="12">
        <v>1017021200</v>
      </c>
      <c r="D18" s="12">
        <v>1031421200</v>
      </c>
      <c r="E18" s="12">
        <v>955011296.04999995</v>
      </c>
      <c r="F18" s="12">
        <v>955011296.04999995</v>
      </c>
      <c r="G18" s="12">
        <v>15.09</v>
      </c>
      <c r="H18" s="12">
        <v>76409903.950000003</v>
      </c>
      <c r="I18" s="12">
        <v>146751979.99000001</v>
      </c>
      <c r="J18" s="12">
        <v>146751979.99000001</v>
      </c>
      <c r="K18" s="12">
        <v>5.47</v>
      </c>
      <c r="L18" s="12">
        <v>884669220.00999999</v>
      </c>
    </row>
    <row r="19" spans="1:12" x14ac:dyDescent="0.25">
      <c r="A19" s="2" t="s">
        <v>31</v>
      </c>
      <c r="B19" s="4" t="s">
        <v>424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</row>
    <row r="20" spans="1:12" x14ac:dyDescent="0.25">
      <c r="A20" s="2" t="s">
        <v>33</v>
      </c>
      <c r="B20" s="4" t="s">
        <v>425</v>
      </c>
      <c r="C20" s="12">
        <v>40128500</v>
      </c>
      <c r="D20" s="12">
        <v>40128500</v>
      </c>
      <c r="E20" s="12">
        <v>27036865.600000001</v>
      </c>
      <c r="F20" s="12">
        <v>27036865.600000001</v>
      </c>
      <c r="G20" s="12">
        <v>0.43</v>
      </c>
      <c r="H20" s="12">
        <v>13091634.4</v>
      </c>
      <c r="I20" s="12">
        <v>1637316.9</v>
      </c>
      <c r="J20" s="12">
        <v>1637316.9</v>
      </c>
      <c r="K20" s="12">
        <v>0.06</v>
      </c>
      <c r="L20" s="12">
        <v>38491183.100000001</v>
      </c>
    </row>
    <row r="21" spans="1:12" x14ac:dyDescent="0.25">
      <c r="A21" s="2" t="s">
        <v>35</v>
      </c>
      <c r="B21" s="4" t="s">
        <v>426</v>
      </c>
      <c r="C21" s="12">
        <v>3423200</v>
      </c>
      <c r="D21" s="12">
        <v>3423200</v>
      </c>
      <c r="E21" s="12">
        <v>2217492.41</v>
      </c>
      <c r="F21" s="12">
        <v>2217492.41</v>
      </c>
      <c r="G21" s="12">
        <v>0.04</v>
      </c>
      <c r="H21" s="12">
        <v>1205707.5900000001</v>
      </c>
      <c r="I21" s="12">
        <v>34991.660000000003</v>
      </c>
      <c r="J21" s="12">
        <v>34991.660000000003</v>
      </c>
      <c r="K21" s="12">
        <v>0</v>
      </c>
      <c r="L21" s="12">
        <v>3388208.34</v>
      </c>
    </row>
    <row r="22" spans="1:12" x14ac:dyDescent="0.25">
      <c r="A22" s="2" t="s">
        <v>37</v>
      </c>
      <c r="B22" s="4" t="s">
        <v>427</v>
      </c>
      <c r="C22" s="12">
        <v>4635700</v>
      </c>
      <c r="D22" s="12">
        <v>4635700</v>
      </c>
      <c r="E22" s="12">
        <v>2701673.45</v>
      </c>
      <c r="F22" s="12">
        <v>2701673.45</v>
      </c>
      <c r="G22" s="12">
        <v>0.04</v>
      </c>
      <c r="H22" s="12">
        <v>1934026.55</v>
      </c>
      <c r="I22" s="12">
        <v>333783.43</v>
      </c>
      <c r="J22" s="12">
        <v>333783.43</v>
      </c>
      <c r="K22" s="12">
        <v>0.01</v>
      </c>
      <c r="L22" s="12">
        <v>4301916.57</v>
      </c>
    </row>
    <row r="23" spans="1:12" x14ac:dyDescent="0.25">
      <c r="A23" s="2" t="s">
        <v>39</v>
      </c>
      <c r="B23" s="4" t="s">
        <v>421</v>
      </c>
      <c r="C23" s="12">
        <v>700000</v>
      </c>
      <c r="D23" s="12">
        <v>700000</v>
      </c>
      <c r="E23" s="12">
        <v>700000</v>
      </c>
      <c r="F23" s="12">
        <v>700000</v>
      </c>
      <c r="G23" s="12">
        <v>0.01</v>
      </c>
      <c r="H23" s="12">
        <v>0</v>
      </c>
      <c r="I23" s="12">
        <v>112381.9</v>
      </c>
      <c r="J23" s="12">
        <v>112381.9</v>
      </c>
      <c r="K23" s="12">
        <v>0</v>
      </c>
      <c r="L23" s="12">
        <v>587618.1</v>
      </c>
    </row>
    <row r="24" spans="1:12" x14ac:dyDescent="0.25">
      <c r="A24" s="3" t="s">
        <v>41</v>
      </c>
      <c r="B24" s="5" t="s">
        <v>428</v>
      </c>
      <c r="C24" s="11">
        <v>1153846000</v>
      </c>
      <c r="D24" s="11">
        <v>1159826000</v>
      </c>
      <c r="E24" s="11">
        <v>279458416.49000001</v>
      </c>
      <c r="F24" s="11">
        <v>279458416.49000001</v>
      </c>
      <c r="G24" s="11">
        <v>4.43</v>
      </c>
      <c r="H24" s="11">
        <v>880367583.50999999</v>
      </c>
      <c r="I24" s="11">
        <v>162166918.52000001</v>
      </c>
      <c r="J24" s="11">
        <v>162166918.52000001</v>
      </c>
      <c r="K24" s="11">
        <v>6.05</v>
      </c>
      <c r="L24" s="11">
        <v>997659081.48000002</v>
      </c>
    </row>
    <row r="25" spans="1:12" x14ac:dyDescent="0.25">
      <c r="A25" s="2" t="s">
        <v>43</v>
      </c>
      <c r="B25" s="4" t="s">
        <v>429</v>
      </c>
      <c r="C25" s="12">
        <v>534844200</v>
      </c>
      <c r="D25" s="12">
        <v>534844200</v>
      </c>
      <c r="E25" s="12">
        <v>92294810.939999998</v>
      </c>
      <c r="F25" s="12">
        <v>92294810.939999998</v>
      </c>
      <c r="G25" s="12">
        <v>1.46</v>
      </c>
      <c r="H25" s="12">
        <v>442549389.06</v>
      </c>
      <c r="I25" s="12">
        <v>70567215.150000006</v>
      </c>
      <c r="J25" s="12">
        <v>70567215.150000006</v>
      </c>
      <c r="K25" s="12">
        <v>2.63</v>
      </c>
      <c r="L25" s="12">
        <v>464276984.85000002</v>
      </c>
    </row>
    <row r="26" spans="1:12" x14ac:dyDescent="0.25">
      <c r="A26" s="2" t="s">
        <v>45</v>
      </c>
      <c r="B26" s="4" t="s">
        <v>430</v>
      </c>
      <c r="C26" s="12">
        <v>121911600</v>
      </c>
      <c r="D26" s="12">
        <v>121911600</v>
      </c>
      <c r="E26" s="12">
        <v>20105619.48</v>
      </c>
      <c r="F26" s="12">
        <v>20105619.48</v>
      </c>
      <c r="G26" s="12">
        <v>0.32</v>
      </c>
      <c r="H26" s="12">
        <v>101805980.52</v>
      </c>
      <c r="I26" s="12">
        <v>11115932.119999999</v>
      </c>
      <c r="J26" s="12">
        <v>11115932.119999999</v>
      </c>
      <c r="K26" s="12">
        <v>0.41</v>
      </c>
      <c r="L26" s="12">
        <v>110795667.88</v>
      </c>
    </row>
    <row r="27" spans="1:12" x14ac:dyDescent="0.25">
      <c r="A27" s="2" t="s">
        <v>47</v>
      </c>
      <c r="B27" s="4" t="s">
        <v>424</v>
      </c>
      <c r="C27" s="12">
        <v>22834000</v>
      </c>
      <c r="D27" s="12">
        <v>28814000</v>
      </c>
      <c r="E27" s="12">
        <v>18463012.690000001</v>
      </c>
      <c r="F27" s="12">
        <v>18463012.690000001</v>
      </c>
      <c r="G27" s="12">
        <v>0.28999999999999998</v>
      </c>
      <c r="H27" s="12">
        <v>10350987.310000001</v>
      </c>
      <c r="I27" s="12">
        <v>3948713.15</v>
      </c>
      <c r="J27" s="12">
        <v>3948713.15</v>
      </c>
      <c r="K27" s="12">
        <v>0.15</v>
      </c>
      <c r="L27" s="12">
        <v>24865286.850000001</v>
      </c>
    </row>
    <row r="28" spans="1:12" x14ac:dyDescent="0.25">
      <c r="A28" s="2" t="s">
        <v>49</v>
      </c>
      <c r="B28" s="4" t="s">
        <v>426</v>
      </c>
      <c r="C28" s="12">
        <v>1624000</v>
      </c>
      <c r="D28" s="12">
        <v>1624000</v>
      </c>
      <c r="E28" s="12">
        <v>1002264.18</v>
      </c>
      <c r="F28" s="12">
        <v>1002264.18</v>
      </c>
      <c r="G28" s="12">
        <v>0.02</v>
      </c>
      <c r="H28" s="12">
        <v>621735.81999999995</v>
      </c>
      <c r="I28" s="12">
        <v>869171.19999999995</v>
      </c>
      <c r="J28" s="12">
        <v>869171.19999999995</v>
      </c>
      <c r="K28" s="12">
        <v>0.03</v>
      </c>
      <c r="L28" s="12">
        <v>754828.80000000005</v>
      </c>
    </row>
    <row r="29" spans="1:12" x14ac:dyDescent="0.25">
      <c r="A29" s="2" t="s">
        <v>51</v>
      </c>
      <c r="B29" s="4" t="s">
        <v>431</v>
      </c>
      <c r="C29" s="12">
        <v>196048600</v>
      </c>
      <c r="D29" s="12">
        <v>196048600</v>
      </c>
      <c r="E29" s="12">
        <v>99163477.620000005</v>
      </c>
      <c r="F29" s="12">
        <v>99163477.620000005</v>
      </c>
      <c r="G29" s="12">
        <v>1.57</v>
      </c>
      <c r="H29" s="12">
        <v>96885122.379999995</v>
      </c>
      <c r="I29" s="12">
        <v>27236655.32</v>
      </c>
      <c r="J29" s="12">
        <v>27236655.32</v>
      </c>
      <c r="K29" s="12">
        <v>1.02</v>
      </c>
      <c r="L29" s="12">
        <v>168811944.68000001</v>
      </c>
    </row>
    <row r="30" spans="1:12" x14ac:dyDescent="0.25">
      <c r="A30" s="2" t="s">
        <v>53</v>
      </c>
      <c r="B30" s="4" t="s">
        <v>421</v>
      </c>
      <c r="C30" s="12">
        <v>276583600</v>
      </c>
      <c r="D30" s="12">
        <v>276583600</v>
      </c>
      <c r="E30" s="12">
        <v>48429231.579999998</v>
      </c>
      <c r="F30" s="12">
        <v>48429231.579999998</v>
      </c>
      <c r="G30" s="12">
        <v>0.77</v>
      </c>
      <c r="H30" s="12">
        <v>228154368.41999999</v>
      </c>
      <c r="I30" s="12">
        <v>48429231.579999998</v>
      </c>
      <c r="J30" s="12">
        <v>48429231.579999998</v>
      </c>
      <c r="K30" s="12">
        <v>1.81</v>
      </c>
      <c r="L30" s="12">
        <v>228154368.41999999</v>
      </c>
    </row>
    <row r="31" spans="1:12" x14ac:dyDescent="0.25">
      <c r="A31" s="3" t="s">
        <v>55</v>
      </c>
      <c r="B31" s="5" t="s">
        <v>432</v>
      </c>
      <c r="C31" s="11">
        <v>1186298300</v>
      </c>
      <c r="D31" s="11">
        <v>1296162697</v>
      </c>
      <c r="E31" s="11">
        <v>241333089.02000001</v>
      </c>
      <c r="F31" s="11">
        <v>241333089.02000001</v>
      </c>
      <c r="G31" s="11">
        <v>3.81</v>
      </c>
      <c r="H31" s="11">
        <v>1054829607.98</v>
      </c>
      <c r="I31" s="11">
        <v>130529741.51000001</v>
      </c>
      <c r="J31" s="11">
        <v>130529741.51000001</v>
      </c>
      <c r="K31" s="11">
        <v>4.8600000000000003</v>
      </c>
      <c r="L31" s="11">
        <v>1165632955.49</v>
      </c>
    </row>
    <row r="32" spans="1:12" x14ac:dyDescent="0.25">
      <c r="A32" s="2" t="s">
        <v>57</v>
      </c>
      <c r="B32" s="4" t="s">
        <v>424</v>
      </c>
      <c r="C32" s="12">
        <v>1125248000</v>
      </c>
      <c r="D32" s="12">
        <v>1143471801</v>
      </c>
      <c r="E32" s="12">
        <v>215287879.81</v>
      </c>
      <c r="F32" s="12">
        <v>215287879.81</v>
      </c>
      <c r="G32" s="12">
        <v>3.4</v>
      </c>
      <c r="H32" s="12">
        <v>928183921.19000006</v>
      </c>
      <c r="I32" s="12">
        <v>125888835.63</v>
      </c>
      <c r="J32" s="12">
        <v>125888835.63</v>
      </c>
      <c r="K32" s="12">
        <v>4.6900000000000004</v>
      </c>
      <c r="L32" s="12">
        <v>1017582965.37</v>
      </c>
    </row>
    <row r="33" spans="1:12" x14ac:dyDescent="0.25">
      <c r="A33" s="2" t="s">
        <v>59</v>
      </c>
      <c r="B33" s="4" t="s">
        <v>433</v>
      </c>
      <c r="C33" s="12">
        <v>34803300</v>
      </c>
      <c r="D33" s="12">
        <v>112650216</v>
      </c>
      <c r="E33" s="12">
        <v>21477846.489999998</v>
      </c>
      <c r="F33" s="12">
        <v>21477846.489999998</v>
      </c>
      <c r="G33" s="12">
        <v>0.34</v>
      </c>
      <c r="H33" s="12">
        <v>91172369.510000005</v>
      </c>
      <c r="I33" s="12">
        <v>933271.55</v>
      </c>
      <c r="J33" s="12">
        <v>933271.55</v>
      </c>
      <c r="K33" s="12">
        <v>0.03</v>
      </c>
      <c r="L33" s="12">
        <v>111716944.45</v>
      </c>
    </row>
    <row r="34" spans="1:12" x14ac:dyDescent="0.25">
      <c r="A34" s="2" t="s">
        <v>61</v>
      </c>
      <c r="B34" s="4" t="s">
        <v>434</v>
      </c>
      <c r="C34" s="12">
        <v>14352200</v>
      </c>
      <c r="D34" s="12">
        <v>15735880</v>
      </c>
      <c r="E34" s="12">
        <v>3094907.93</v>
      </c>
      <c r="F34" s="12">
        <v>3094907.93</v>
      </c>
      <c r="G34" s="12">
        <v>0.05</v>
      </c>
      <c r="H34" s="12">
        <v>12640972.07</v>
      </c>
      <c r="I34" s="12">
        <v>2411050.38</v>
      </c>
      <c r="J34" s="12">
        <v>2411050.38</v>
      </c>
      <c r="K34" s="12">
        <v>0.09</v>
      </c>
      <c r="L34" s="12">
        <v>13324829.619999999</v>
      </c>
    </row>
    <row r="35" spans="1:12" x14ac:dyDescent="0.25">
      <c r="A35" s="2" t="s">
        <v>63</v>
      </c>
      <c r="B35" s="4" t="s">
        <v>425</v>
      </c>
      <c r="C35" s="12">
        <v>4100</v>
      </c>
      <c r="D35" s="12">
        <v>4100</v>
      </c>
      <c r="E35" s="12">
        <v>0</v>
      </c>
      <c r="F35" s="12">
        <v>0</v>
      </c>
      <c r="G35" s="12">
        <v>0</v>
      </c>
      <c r="H35" s="12">
        <v>4100</v>
      </c>
      <c r="I35" s="12">
        <v>0</v>
      </c>
      <c r="J35" s="12">
        <v>0</v>
      </c>
      <c r="K35" s="12">
        <v>0</v>
      </c>
      <c r="L35" s="12">
        <v>4100</v>
      </c>
    </row>
    <row r="36" spans="1:12" x14ac:dyDescent="0.25">
      <c r="A36" s="2" t="s">
        <v>65</v>
      </c>
      <c r="B36" s="4" t="s">
        <v>426</v>
      </c>
      <c r="C36" s="12">
        <v>11841400</v>
      </c>
      <c r="D36" s="12">
        <v>11841400</v>
      </c>
      <c r="E36" s="12">
        <v>2700</v>
      </c>
      <c r="F36" s="12">
        <v>2700</v>
      </c>
      <c r="G36" s="12">
        <v>0</v>
      </c>
      <c r="H36" s="12">
        <v>11838700</v>
      </c>
      <c r="I36" s="12">
        <v>2700</v>
      </c>
      <c r="J36" s="12">
        <v>2700</v>
      </c>
      <c r="K36" s="12">
        <v>0</v>
      </c>
      <c r="L36" s="12">
        <v>11838700</v>
      </c>
    </row>
    <row r="37" spans="1:12" x14ac:dyDescent="0.25">
      <c r="A37" s="2" t="s">
        <v>67</v>
      </c>
      <c r="B37" s="4" t="s">
        <v>435</v>
      </c>
      <c r="C37" s="12">
        <v>2600</v>
      </c>
      <c r="D37" s="12">
        <v>2600</v>
      </c>
      <c r="E37" s="12">
        <v>0</v>
      </c>
      <c r="F37" s="12">
        <v>0</v>
      </c>
      <c r="G37" s="12">
        <v>0</v>
      </c>
      <c r="H37" s="12">
        <v>2600</v>
      </c>
      <c r="I37" s="12">
        <v>0</v>
      </c>
      <c r="J37" s="12">
        <v>0</v>
      </c>
      <c r="K37" s="12">
        <v>0</v>
      </c>
      <c r="L37" s="12">
        <v>2600</v>
      </c>
    </row>
    <row r="38" spans="1:12" x14ac:dyDescent="0.25">
      <c r="A38" s="2" t="s">
        <v>69</v>
      </c>
      <c r="B38" s="4" t="s">
        <v>436</v>
      </c>
      <c r="C38" s="12">
        <v>4200</v>
      </c>
      <c r="D38" s="12">
        <v>12389200</v>
      </c>
      <c r="E38" s="12">
        <v>1449724.79</v>
      </c>
      <c r="F38" s="12">
        <v>1449724.79</v>
      </c>
      <c r="G38" s="12">
        <v>0.02</v>
      </c>
      <c r="H38" s="12">
        <v>10939475.210000001</v>
      </c>
      <c r="I38" s="12">
        <v>1293883.95</v>
      </c>
      <c r="J38" s="12">
        <v>1293883.95</v>
      </c>
      <c r="K38" s="12">
        <v>0.05</v>
      </c>
      <c r="L38" s="12">
        <v>11095316.050000001</v>
      </c>
    </row>
    <row r="39" spans="1:12" x14ac:dyDescent="0.25">
      <c r="A39" s="2" t="s">
        <v>71</v>
      </c>
      <c r="B39" s="4" t="s">
        <v>437</v>
      </c>
      <c r="C39" s="12">
        <v>42500</v>
      </c>
      <c r="D39" s="12">
        <v>67500</v>
      </c>
      <c r="E39" s="12">
        <v>20030</v>
      </c>
      <c r="F39" s="12">
        <v>20030</v>
      </c>
      <c r="G39" s="12">
        <v>0</v>
      </c>
      <c r="H39" s="12">
        <v>47470</v>
      </c>
      <c r="I39" s="12">
        <v>0</v>
      </c>
      <c r="J39" s="12">
        <v>0</v>
      </c>
      <c r="K39" s="12">
        <v>0</v>
      </c>
      <c r="L39" s="12">
        <v>67500</v>
      </c>
    </row>
    <row r="40" spans="1:12" x14ac:dyDescent="0.25">
      <c r="A40" s="3" t="s">
        <v>73</v>
      </c>
      <c r="B40" s="5" t="s">
        <v>438</v>
      </c>
      <c r="C40" s="11">
        <v>1734246700</v>
      </c>
      <c r="D40" s="11">
        <v>1636909482.78</v>
      </c>
      <c r="E40" s="11">
        <v>361441082.37</v>
      </c>
      <c r="F40" s="11">
        <v>361441082.37</v>
      </c>
      <c r="G40" s="11">
        <v>5.71</v>
      </c>
      <c r="H40" s="11">
        <v>1275468400.4100001</v>
      </c>
      <c r="I40" s="11">
        <v>225562609.96000001</v>
      </c>
      <c r="J40" s="11">
        <v>225562609.96000001</v>
      </c>
      <c r="K40" s="11">
        <v>8.41</v>
      </c>
      <c r="L40" s="11">
        <v>1411346872.8199999</v>
      </c>
    </row>
    <row r="41" spans="1:12" x14ac:dyDescent="0.25">
      <c r="A41" s="2" t="s">
        <v>75</v>
      </c>
      <c r="B41" s="4" t="s">
        <v>424</v>
      </c>
      <c r="C41" s="12">
        <v>1462614000</v>
      </c>
      <c r="D41" s="12">
        <v>1291225556</v>
      </c>
      <c r="E41" s="12">
        <v>290577075.39999998</v>
      </c>
      <c r="F41" s="12">
        <v>290577075.39999998</v>
      </c>
      <c r="G41" s="12">
        <v>4.59</v>
      </c>
      <c r="H41" s="12">
        <v>1000648480.6</v>
      </c>
      <c r="I41" s="12">
        <v>206983136.13999999</v>
      </c>
      <c r="J41" s="12">
        <v>206983136.13999999</v>
      </c>
      <c r="K41" s="12">
        <v>7.72</v>
      </c>
      <c r="L41" s="12">
        <v>1084242419.8599999</v>
      </c>
    </row>
    <row r="42" spans="1:12" x14ac:dyDescent="0.25">
      <c r="A42" s="2" t="s">
        <v>77</v>
      </c>
      <c r="B42" s="4" t="s">
        <v>439</v>
      </c>
      <c r="C42" s="12">
        <v>270710200</v>
      </c>
      <c r="D42" s="12">
        <v>344761426.77999997</v>
      </c>
      <c r="E42" s="12">
        <v>70864006.969999999</v>
      </c>
      <c r="F42" s="12">
        <v>70864006.969999999</v>
      </c>
      <c r="G42" s="12">
        <v>1.1200000000000001</v>
      </c>
      <c r="H42" s="12">
        <v>273897419.81</v>
      </c>
      <c r="I42" s="12">
        <v>18579473.82</v>
      </c>
      <c r="J42" s="12">
        <v>18579473.82</v>
      </c>
      <c r="K42" s="12">
        <v>0.69</v>
      </c>
      <c r="L42" s="12">
        <v>326181952.95999998</v>
      </c>
    </row>
    <row r="43" spans="1:12" x14ac:dyDescent="0.25">
      <c r="A43" s="2" t="s">
        <v>79</v>
      </c>
      <c r="B43" s="4" t="s">
        <v>440</v>
      </c>
      <c r="C43" s="12">
        <v>571500</v>
      </c>
      <c r="D43" s="12">
        <v>571500</v>
      </c>
      <c r="E43" s="12">
        <v>0</v>
      </c>
      <c r="F43" s="12">
        <v>0</v>
      </c>
      <c r="G43" s="12">
        <v>0</v>
      </c>
      <c r="H43" s="12">
        <v>571500</v>
      </c>
      <c r="I43" s="12">
        <v>0</v>
      </c>
      <c r="J43" s="12">
        <v>0</v>
      </c>
      <c r="K43" s="12">
        <v>0</v>
      </c>
      <c r="L43" s="12">
        <v>571500</v>
      </c>
    </row>
    <row r="44" spans="1:12" x14ac:dyDescent="0.25">
      <c r="A44" s="2" t="s">
        <v>81</v>
      </c>
      <c r="B44" s="4" t="s">
        <v>441</v>
      </c>
      <c r="C44" s="12">
        <v>1000</v>
      </c>
      <c r="D44" s="12">
        <v>1000</v>
      </c>
      <c r="E44" s="12">
        <v>0</v>
      </c>
      <c r="F44" s="12">
        <v>0</v>
      </c>
      <c r="G44" s="12">
        <v>0</v>
      </c>
      <c r="H44" s="12">
        <v>1000</v>
      </c>
      <c r="I44" s="12">
        <v>0</v>
      </c>
      <c r="J44" s="12">
        <v>0</v>
      </c>
      <c r="K44" s="12">
        <v>0</v>
      </c>
      <c r="L44" s="12">
        <v>1000</v>
      </c>
    </row>
    <row r="45" spans="1:12" x14ac:dyDescent="0.25">
      <c r="A45" s="2" t="s">
        <v>83</v>
      </c>
      <c r="B45" s="4" t="s">
        <v>442</v>
      </c>
      <c r="C45" s="12">
        <v>350000</v>
      </c>
      <c r="D45" s="12">
        <v>350000</v>
      </c>
      <c r="E45" s="12">
        <v>0</v>
      </c>
      <c r="F45" s="12">
        <v>0</v>
      </c>
      <c r="G45" s="12">
        <v>0</v>
      </c>
      <c r="H45" s="12">
        <v>350000</v>
      </c>
      <c r="I45" s="12">
        <v>0</v>
      </c>
      <c r="J45" s="12">
        <v>0</v>
      </c>
      <c r="K45" s="12">
        <v>0</v>
      </c>
      <c r="L45" s="12">
        <v>350000</v>
      </c>
    </row>
    <row r="46" spans="1:12" x14ac:dyDescent="0.25">
      <c r="A46" s="3" t="s">
        <v>85</v>
      </c>
      <c r="B46" s="5" t="s">
        <v>443</v>
      </c>
      <c r="C46" s="11">
        <v>264415400</v>
      </c>
      <c r="D46" s="11">
        <v>259815400</v>
      </c>
      <c r="E46" s="11">
        <v>50903876.710000001</v>
      </c>
      <c r="F46" s="11">
        <v>50903876.710000001</v>
      </c>
      <c r="G46" s="11">
        <v>0.8</v>
      </c>
      <c r="H46" s="11">
        <v>208911523.28999999</v>
      </c>
      <c r="I46" s="11">
        <v>43852588.490000002</v>
      </c>
      <c r="J46" s="11">
        <v>43852588.490000002</v>
      </c>
      <c r="K46" s="11">
        <v>1.64</v>
      </c>
      <c r="L46" s="11">
        <v>215962811.50999999</v>
      </c>
    </row>
    <row r="47" spans="1:12" x14ac:dyDescent="0.25">
      <c r="A47" s="2" t="s">
        <v>87</v>
      </c>
      <c r="B47" s="4" t="s">
        <v>424</v>
      </c>
      <c r="C47" s="12">
        <v>58670700</v>
      </c>
      <c r="D47" s="12">
        <v>58668600</v>
      </c>
      <c r="E47" s="12">
        <v>9433897.1999999993</v>
      </c>
      <c r="F47" s="12">
        <v>9433897.1999999993</v>
      </c>
      <c r="G47" s="12">
        <v>0.15</v>
      </c>
      <c r="H47" s="12">
        <v>49234702.799999997</v>
      </c>
      <c r="I47" s="12">
        <v>8488363.1600000001</v>
      </c>
      <c r="J47" s="12">
        <v>8488363.1600000001</v>
      </c>
      <c r="K47" s="12">
        <v>0.32</v>
      </c>
      <c r="L47" s="12">
        <v>50180236.840000004</v>
      </c>
    </row>
    <row r="48" spans="1:12" x14ac:dyDescent="0.25">
      <c r="A48" s="2" t="s">
        <v>89</v>
      </c>
      <c r="B48" s="4" t="s">
        <v>444</v>
      </c>
      <c r="C48" s="12">
        <v>6069800</v>
      </c>
      <c r="D48" s="12">
        <v>6069800</v>
      </c>
      <c r="E48" s="12">
        <v>0</v>
      </c>
      <c r="F48" s="12">
        <v>0</v>
      </c>
      <c r="G48" s="12">
        <v>0</v>
      </c>
      <c r="H48" s="12">
        <v>6069800</v>
      </c>
      <c r="I48" s="12">
        <v>0</v>
      </c>
      <c r="J48" s="12">
        <v>0</v>
      </c>
      <c r="K48" s="12">
        <v>0</v>
      </c>
      <c r="L48" s="12">
        <v>6069800</v>
      </c>
    </row>
    <row r="49" spans="1:12" x14ac:dyDescent="0.25">
      <c r="A49" s="2" t="s">
        <v>91</v>
      </c>
      <c r="B49" s="4" t="s">
        <v>445</v>
      </c>
      <c r="C49" s="12">
        <v>5901000</v>
      </c>
      <c r="D49" s="12">
        <v>5901000</v>
      </c>
      <c r="E49" s="12">
        <v>0</v>
      </c>
      <c r="F49" s="12">
        <v>0</v>
      </c>
      <c r="G49" s="12">
        <v>0</v>
      </c>
      <c r="H49" s="12">
        <v>5901000</v>
      </c>
      <c r="I49" s="12">
        <v>0</v>
      </c>
      <c r="J49" s="12">
        <v>0</v>
      </c>
      <c r="K49" s="12">
        <v>0</v>
      </c>
      <c r="L49" s="12">
        <v>5901000</v>
      </c>
    </row>
    <row r="50" spans="1:12" x14ac:dyDescent="0.25">
      <c r="A50" s="2" t="s">
        <v>93</v>
      </c>
      <c r="B50" s="4" t="s">
        <v>446</v>
      </c>
      <c r="C50" s="12">
        <v>170906500</v>
      </c>
      <c r="D50" s="12">
        <v>166306500</v>
      </c>
      <c r="E50" s="12">
        <v>40042415.32</v>
      </c>
      <c r="F50" s="12">
        <v>40042415.32</v>
      </c>
      <c r="G50" s="12">
        <v>0.63</v>
      </c>
      <c r="H50" s="12">
        <v>126264084.68000001</v>
      </c>
      <c r="I50" s="12">
        <v>33970856.18</v>
      </c>
      <c r="J50" s="12">
        <v>33970856.18</v>
      </c>
      <c r="K50" s="12">
        <v>1.27</v>
      </c>
      <c r="L50" s="12">
        <v>132335643.81999999</v>
      </c>
    </row>
    <row r="51" spans="1:12" x14ac:dyDescent="0.25">
      <c r="A51" s="2" t="s">
        <v>95</v>
      </c>
      <c r="B51" s="4" t="s">
        <v>447</v>
      </c>
      <c r="C51" s="12">
        <v>22857600</v>
      </c>
      <c r="D51" s="12">
        <v>22857600</v>
      </c>
      <c r="E51" s="12">
        <v>1416099.07</v>
      </c>
      <c r="F51" s="12">
        <v>1416099.07</v>
      </c>
      <c r="G51" s="12">
        <v>0.02</v>
      </c>
      <c r="H51" s="12">
        <v>21441500.93</v>
      </c>
      <c r="I51" s="12">
        <v>1391482.9</v>
      </c>
      <c r="J51" s="12">
        <v>1391482.9</v>
      </c>
      <c r="K51" s="12">
        <v>0.05</v>
      </c>
      <c r="L51" s="12">
        <v>21466117.100000001</v>
      </c>
    </row>
    <row r="52" spans="1:12" x14ac:dyDescent="0.25">
      <c r="A52" s="2" t="s">
        <v>97</v>
      </c>
      <c r="B52" s="4" t="s">
        <v>431</v>
      </c>
      <c r="C52" s="12">
        <v>100</v>
      </c>
      <c r="D52" s="12">
        <v>100</v>
      </c>
      <c r="E52" s="12">
        <v>0</v>
      </c>
      <c r="F52" s="12">
        <v>0</v>
      </c>
      <c r="G52" s="12">
        <v>0</v>
      </c>
      <c r="H52" s="12">
        <v>100</v>
      </c>
      <c r="I52" s="12">
        <v>0</v>
      </c>
      <c r="J52" s="12">
        <v>0</v>
      </c>
      <c r="K52" s="12">
        <v>0</v>
      </c>
      <c r="L52" s="12">
        <v>100</v>
      </c>
    </row>
    <row r="53" spans="1:12" x14ac:dyDescent="0.25">
      <c r="A53" s="2" t="s">
        <v>99</v>
      </c>
      <c r="B53" s="4" t="s">
        <v>448</v>
      </c>
      <c r="C53" s="12">
        <v>9700</v>
      </c>
      <c r="D53" s="12">
        <v>11800</v>
      </c>
      <c r="E53" s="12">
        <v>11465.12</v>
      </c>
      <c r="F53" s="12">
        <v>11465.12</v>
      </c>
      <c r="G53" s="12">
        <v>0</v>
      </c>
      <c r="H53" s="12">
        <v>334.88</v>
      </c>
      <c r="I53" s="12">
        <v>1886.25</v>
      </c>
      <c r="J53" s="12">
        <v>1886.25</v>
      </c>
      <c r="K53" s="12">
        <v>0</v>
      </c>
      <c r="L53" s="12">
        <v>9913.75</v>
      </c>
    </row>
    <row r="54" spans="1:12" x14ac:dyDescent="0.25">
      <c r="A54" s="3" t="s">
        <v>101</v>
      </c>
      <c r="B54" s="5" t="s">
        <v>449</v>
      </c>
      <c r="C54" s="11">
        <v>3288622500</v>
      </c>
      <c r="D54" s="11">
        <v>3287122500</v>
      </c>
      <c r="E54" s="11">
        <v>668167381.26999998</v>
      </c>
      <c r="F54" s="11">
        <v>668167381.26999998</v>
      </c>
      <c r="G54" s="11">
        <v>10.56</v>
      </c>
      <c r="H54" s="11">
        <v>2618955118.73</v>
      </c>
      <c r="I54" s="11">
        <v>642522613.85000002</v>
      </c>
      <c r="J54" s="11">
        <v>642522613.85000002</v>
      </c>
      <c r="K54" s="11">
        <v>23.95</v>
      </c>
      <c r="L54" s="11">
        <v>2644599886.1500001</v>
      </c>
    </row>
    <row r="55" spans="1:12" x14ac:dyDescent="0.25">
      <c r="A55" s="2" t="s">
        <v>103</v>
      </c>
      <c r="B55" s="4" t="s">
        <v>436</v>
      </c>
      <c r="C55" s="12">
        <v>3288622500</v>
      </c>
      <c r="D55" s="12">
        <v>3287122500</v>
      </c>
      <c r="E55" s="12">
        <v>668167381.26999998</v>
      </c>
      <c r="F55" s="12">
        <v>668167381.26999998</v>
      </c>
      <c r="G55" s="12">
        <v>10.56</v>
      </c>
      <c r="H55" s="12">
        <v>2618955118.73</v>
      </c>
      <c r="I55" s="12">
        <v>642522613.85000002</v>
      </c>
      <c r="J55" s="12">
        <v>642522613.85000002</v>
      </c>
      <c r="K55" s="12">
        <v>23.95</v>
      </c>
      <c r="L55" s="12">
        <v>2644599886.1500001</v>
      </c>
    </row>
    <row r="56" spans="1:12" x14ac:dyDescent="0.25">
      <c r="A56" s="3" t="s">
        <v>105</v>
      </c>
      <c r="B56" s="5" t="s">
        <v>450</v>
      </c>
      <c r="C56" s="11">
        <v>1727304600</v>
      </c>
      <c r="D56" s="11">
        <v>1724542466.79</v>
      </c>
      <c r="E56" s="11">
        <v>492229729.67000002</v>
      </c>
      <c r="F56" s="11">
        <v>492229729.67000002</v>
      </c>
      <c r="G56" s="11">
        <v>7.78</v>
      </c>
      <c r="H56" s="11">
        <v>1232312737.1199999</v>
      </c>
      <c r="I56" s="11">
        <v>188978189.65000001</v>
      </c>
      <c r="J56" s="11">
        <v>188978189.65000001</v>
      </c>
      <c r="K56" s="11">
        <v>7.04</v>
      </c>
      <c r="L56" s="11">
        <v>1535564277.1400001</v>
      </c>
    </row>
    <row r="57" spans="1:12" x14ac:dyDescent="0.25">
      <c r="A57" s="2" t="s">
        <v>107</v>
      </c>
      <c r="B57" s="4" t="s">
        <v>424</v>
      </c>
      <c r="C57" s="12">
        <v>300542200</v>
      </c>
      <c r="D57" s="12">
        <v>339736899.63</v>
      </c>
      <c r="E57" s="12">
        <v>205856353.16</v>
      </c>
      <c r="F57" s="12">
        <v>205856353.16</v>
      </c>
      <c r="G57" s="12">
        <v>3.25</v>
      </c>
      <c r="H57" s="12">
        <v>133880546.47</v>
      </c>
      <c r="I57" s="12">
        <v>81445120.150000006</v>
      </c>
      <c r="J57" s="12">
        <v>81445120.150000006</v>
      </c>
      <c r="K57" s="12">
        <v>3.04</v>
      </c>
      <c r="L57" s="12">
        <v>258291779.47999999</v>
      </c>
    </row>
    <row r="58" spans="1:12" x14ac:dyDescent="0.25">
      <c r="A58" s="2" t="s">
        <v>109</v>
      </c>
      <c r="B58" s="4" t="s">
        <v>426</v>
      </c>
      <c r="C58" s="12">
        <v>7105000</v>
      </c>
      <c r="D58" s="12">
        <v>7105000</v>
      </c>
      <c r="E58" s="12">
        <v>425596.37</v>
      </c>
      <c r="F58" s="12">
        <v>425596.37</v>
      </c>
      <c r="G58" s="12">
        <v>0.01</v>
      </c>
      <c r="H58" s="12">
        <v>6679403.6299999999</v>
      </c>
      <c r="I58" s="12">
        <v>66542.34</v>
      </c>
      <c r="J58" s="12">
        <v>66542.34</v>
      </c>
      <c r="K58" s="12">
        <v>0</v>
      </c>
      <c r="L58" s="12">
        <v>7038457.6600000001</v>
      </c>
    </row>
    <row r="59" spans="1:12" x14ac:dyDescent="0.25">
      <c r="A59" s="2" t="s">
        <v>111</v>
      </c>
      <c r="B59" s="4" t="s">
        <v>451</v>
      </c>
      <c r="C59" s="12">
        <v>69740000</v>
      </c>
      <c r="D59" s="12">
        <v>69740000</v>
      </c>
      <c r="E59" s="12">
        <v>11996418.630000001</v>
      </c>
      <c r="F59" s="12">
        <v>11996418.630000001</v>
      </c>
      <c r="G59" s="12">
        <v>0.19</v>
      </c>
      <c r="H59" s="12">
        <v>57743581.369999997</v>
      </c>
      <c r="I59" s="12">
        <v>2551169.81</v>
      </c>
      <c r="J59" s="12">
        <v>2551169.81</v>
      </c>
      <c r="K59" s="12">
        <v>0.1</v>
      </c>
      <c r="L59" s="12">
        <v>67188830.189999998</v>
      </c>
    </row>
    <row r="60" spans="1:12" x14ac:dyDescent="0.25">
      <c r="A60" s="2" t="s">
        <v>113</v>
      </c>
      <c r="B60" s="4" t="s">
        <v>452</v>
      </c>
      <c r="C60" s="12">
        <v>1181293100</v>
      </c>
      <c r="D60" s="12">
        <v>1136836267.1600001</v>
      </c>
      <c r="E60" s="12">
        <v>244467799.83000001</v>
      </c>
      <c r="F60" s="12">
        <v>244467799.83000001</v>
      </c>
      <c r="G60" s="12">
        <v>3.86</v>
      </c>
      <c r="H60" s="12">
        <v>892368467.33000004</v>
      </c>
      <c r="I60" s="12">
        <v>93579665.989999995</v>
      </c>
      <c r="J60" s="12">
        <v>93579665.989999995</v>
      </c>
      <c r="K60" s="12">
        <v>3.49</v>
      </c>
      <c r="L60" s="12">
        <v>1043256601.17</v>
      </c>
    </row>
    <row r="61" spans="1:12" x14ac:dyDescent="0.25">
      <c r="A61" s="2" t="s">
        <v>115</v>
      </c>
      <c r="B61" s="4" t="s">
        <v>453</v>
      </c>
      <c r="C61" s="12">
        <v>82254000</v>
      </c>
      <c r="D61" s="12">
        <v>82191392</v>
      </c>
      <c r="E61" s="12">
        <v>9889505.4499999993</v>
      </c>
      <c r="F61" s="12">
        <v>9889505.4499999993</v>
      </c>
      <c r="G61" s="12">
        <v>0.16</v>
      </c>
      <c r="H61" s="12">
        <v>72301886.549999997</v>
      </c>
      <c r="I61" s="12">
        <v>4330833.8600000003</v>
      </c>
      <c r="J61" s="12">
        <v>4330833.8600000003</v>
      </c>
      <c r="K61" s="12">
        <v>0.16</v>
      </c>
      <c r="L61" s="12">
        <v>77860558.140000001</v>
      </c>
    </row>
    <row r="62" spans="1:12" x14ac:dyDescent="0.25">
      <c r="A62" s="2" t="s">
        <v>117</v>
      </c>
      <c r="B62" s="4" t="s">
        <v>454</v>
      </c>
      <c r="C62" s="12">
        <v>4114000</v>
      </c>
      <c r="D62" s="12">
        <v>4114000</v>
      </c>
      <c r="E62" s="12">
        <v>1125450.8799999999</v>
      </c>
      <c r="F62" s="12">
        <v>1125450.8799999999</v>
      </c>
      <c r="G62" s="12">
        <v>0.02</v>
      </c>
      <c r="H62" s="12">
        <v>2988549.12</v>
      </c>
      <c r="I62" s="12">
        <v>10463.32</v>
      </c>
      <c r="J62" s="12">
        <v>10463.32</v>
      </c>
      <c r="K62" s="12">
        <v>0</v>
      </c>
      <c r="L62" s="12">
        <v>4103536.68</v>
      </c>
    </row>
    <row r="63" spans="1:12" x14ac:dyDescent="0.25">
      <c r="A63" s="2" t="s">
        <v>119</v>
      </c>
      <c r="B63" s="4" t="s">
        <v>455</v>
      </c>
      <c r="C63" s="12">
        <v>38063600</v>
      </c>
      <c r="D63" s="12">
        <v>40626208</v>
      </c>
      <c r="E63" s="12">
        <v>10306882.859999999</v>
      </c>
      <c r="F63" s="12">
        <v>10306882.859999999</v>
      </c>
      <c r="G63" s="12">
        <v>0.16</v>
      </c>
      <c r="H63" s="12">
        <v>30319325.140000001</v>
      </c>
      <c r="I63" s="12">
        <v>3048704.58</v>
      </c>
      <c r="J63" s="12">
        <v>3048704.58</v>
      </c>
      <c r="K63" s="12">
        <v>0.11</v>
      </c>
      <c r="L63" s="12">
        <v>37577503.420000002</v>
      </c>
    </row>
    <row r="64" spans="1:12" x14ac:dyDescent="0.25">
      <c r="A64" s="2" t="s">
        <v>120</v>
      </c>
      <c r="B64" s="4" t="s">
        <v>456</v>
      </c>
      <c r="C64" s="12">
        <v>42773000</v>
      </c>
      <c r="D64" s="12">
        <v>42773000</v>
      </c>
      <c r="E64" s="12">
        <v>7959017.7800000003</v>
      </c>
      <c r="F64" s="12">
        <v>7959017.7800000003</v>
      </c>
      <c r="G64" s="12">
        <v>0.13</v>
      </c>
      <c r="H64" s="12">
        <v>34813982.219999999</v>
      </c>
      <c r="I64" s="12">
        <v>3878917.85</v>
      </c>
      <c r="J64" s="12">
        <v>3878917.85</v>
      </c>
      <c r="K64" s="12">
        <v>0.14000000000000001</v>
      </c>
      <c r="L64" s="12">
        <v>38894082.149999999</v>
      </c>
    </row>
    <row r="65" spans="1:12" x14ac:dyDescent="0.25">
      <c r="A65" s="2" t="s">
        <v>121</v>
      </c>
      <c r="B65" s="4" t="s">
        <v>457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  <c r="J65" s="12">
        <v>0</v>
      </c>
      <c r="K65" s="12">
        <v>0</v>
      </c>
      <c r="L65" s="12">
        <v>0</v>
      </c>
    </row>
    <row r="66" spans="1:12" x14ac:dyDescent="0.25">
      <c r="A66" s="2" t="s">
        <v>122</v>
      </c>
      <c r="B66" s="4" t="s">
        <v>431</v>
      </c>
      <c r="C66" s="12">
        <v>1031000</v>
      </c>
      <c r="D66" s="12">
        <v>1031000</v>
      </c>
      <c r="E66" s="12">
        <v>135932.96</v>
      </c>
      <c r="F66" s="12">
        <v>135932.96</v>
      </c>
      <c r="G66" s="12">
        <v>0</v>
      </c>
      <c r="H66" s="12">
        <v>895067.04</v>
      </c>
      <c r="I66" s="12">
        <v>0</v>
      </c>
      <c r="J66" s="12">
        <v>0</v>
      </c>
      <c r="K66" s="12">
        <v>0</v>
      </c>
      <c r="L66" s="12">
        <v>1031000</v>
      </c>
    </row>
    <row r="67" spans="1:12" x14ac:dyDescent="0.25">
      <c r="A67" s="2" t="s">
        <v>123</v>
      </c>
      <c r="B67" s="4" t="s">
        <v>448</v>
      </c>
      <c r="C67" s="12">
        <v>388700</v>
      </c>
      <c r="D67" s="12">
        <v>388700</v>
      </c>
      <c r="E67" s="12">
        <v>66771.75</v>
      </c>
      <c r="F67" s="12">
        <v>66771.75</v>
      </c>
      <c r="G67" s="12">
        <v>0</v>
      </c>
      <c r="H67" s="12">
        <v>321928.25</v>
      </c>
      <c r="I67" s="12">
        <v>66771.75</v>
      </c>
      <c r="J67" s="12">
        <v>66771.75</v>
      </c>
      <c r="K67" s="12">
        <v>0</v>
      </c>
      <c r="L67" s="12">
        <v>321928.25</v>
      </c>
    </row>
    <row r="68" spans="1:12" x14ac:dyDescent="0.25">
      <c r="A68" s="3" t="s">
        <v>124</v>
      </c>
      <c r="B68" s="5" t="s">
        <v>458</v>
      </c>
      <c r="C68" s="11">
        <v>49601300</v>
      </c>
      <c r="D68" s="11">
        <v>51486343</v>
      </c>
      <c r="E68" s="11">
        <v>2480701.42</v>
      </c>
      <c r="F68" s="11">
        <v>2480701.42</v>
      </c>
      <c r="G68" s="11">
        <v>0.03</v>
      </c>
      <c r="H68" s="11">
        <v>49005641.579999998</v>
      </c>
      <c r="I68" s="11">
        <v>1662263.6</v>
      </c>
      <c r="J68" s="11">
        <v>1662263.6</v>
      </c>
      <c r="K68" s="11">
        <v>0.06</v>
      </c>
      <c r="L68" s="11">
        <v>49824079.399999999</v>
      </c>
    </row>
    <row r="69" spans="1:12" x14ac:dyDescent="0.25">
      <c r="A69" s="2" t="s">
        <v>125</v>
      </c>
      <c r="B69" s="4" t="s">
        <v>424</v>
      </c>
      <c r="C69" s="12">
        <v>15163900</v>
      </c>
      <c r="D69" s="12">
        <v>15133279</v>
      </c>
      <c r="E69" s="12">
        <v>2155405.44</v>
      </c>
      <c r="F69" s="12">
        <v>2155405.44</v>
      </c>
      <c r="G69" s="12">
        <v>0.03</v>
      </c>
      <c r="H69" s="12">
        <v>12977873.560000001</v>
      </c>
      <c r="I69" s="12">
        <v>1579034.89</v>
      </c>
      <c r="J69" s="12">
        <v>1579034.89</v>
      </c>
      <c r="K69" s="12">
        <v>0.06</v>
      </c>
      <c r="L69" s="12">
        <v>13554244.109999999</v>
      </c>
    </row>
    <row r="70" spans="1:12" x14ac:dyDescent="0.25">
      <c r="A70" s="2" t="s">
        <v>127</v>
      </c>
      <c r="B70" s="4" t="s">
        <v>459</v>
      </c>
      <c r="C70" s="12">
        <v>30000000</v>
      </c>
      <c r="D70" s="12">
        <v>30000000</v>
      </c>
      <c r="E70" s="12">
        <v>0</v>
      </c>
      <c r="F70" s="12">
        <v>0</v>
      </c>
      <c r="G70" s="12">
        <v>0</v>
      </c>
      <c r="H70" s="12">
        <v>30000000</v>
      </c>
      <c r="I70" s="12">
        <v>0</v>
      </c>
      <c r="J70" s="12">
        <v>0</v>
      </c>
      <c r="K70" s="12">
        <v>0</v>
      </c>
      <c r="L70" s="12">
        <v>30000000</v>
      </c>
    </row>
    <row r="71" spans="1:12" x14ac:dyDescent="0.25">
      <c r="A71" s="2" t="s">
        <v>129</v>
      </c>
      <c r="B71" s="4" t="s">
        <v>460</v>
      </c>
      <c r="C71" s="12">
        <v>4384000</v>
      </c>
      <c r="D71" s="12">
        <v>6269043</v>
      </c>
      <c r="E71" s="12">
        <v>314917.25</v>
      </c>
      <c r="F71" s="12">
        <v>314917.25</v>
      </c>
      <c r="G71" s="12">
        <v>0</v>
      </c>
      <c r="H71" s="12">
        <v>5954125.75</v>
      </c>
      <c r="I71" s="12">
        <v>72849.98</v>
      </c>
      <c r="J71" s="12">
        <v>72849.98</v>
      </c>
      <c r="K71" s="12">
        <v>0</v>
      </c>
      <c r="L71" s="12">
        <v>6196193.0199999996</v>
      </c>
    </row>
    <row r="72" spans="1:12" x14ac:dyDescent="0.25">
      <c r="A72" s="2" t="s">
        <v>131</v>
      </c>
      <c r="B72" s="4" t="s">
        <v>448</v>
      </c>
      <c r="C72" s="12">
        <v>53400</v>
      </c>
      <c r="D72" s="12">
        <v>84021</v>
      </c>
      <c r="E72" s="12">
        <v>10378.73</v>
      </c>
      <c r="F72" s="12">
        <v>10378.73</v>
      </c>
      <c r="G72" s="12">
        <v>0</v>
      </c>
      <c r="H72" s="12">
        <v>73642.27</v>
      </c>
      <c r="I72" s="12">
        <v>10378.73</v>
      </c>
      <c r="J72" s="12">
        <v>10378.73</v>
      </c>
      <c r="K72" s="12">
        <v>0</v>
      </c>
      <c r="L72" s="12">
        <v>73642.27</v>
      </c>
    </row>
    <row r="73" spans="1:12" x14ac:dyDescent="0.25">
      <c r="A73" s="3" t="s">
        <v>133</v>
      </c>
      <c r="B73" s="5" t="s">
        <v>461</v>
      </c>
      <c r="C73" s="11">
        <v>2007985000</v>
      </c>
      <c r="D73" s="11">
        <v>2661667521.1799998</v>
      </c>
      <c r="E73" s="11">
        <v>395583238.22000003</v>
      </c>
      <c r="F73" s="11">
        <v>395583238.22000003</v>
      </c>
      <c r="G73" s="11">
        <v>6.26</v>
      </c>
      <c r="H73" s="11">
        <v>2266084282.96</v>
      </c>
      <c r="I73" s="11">
        <v>257542519.46000001</v>
      </c>
      <c r="J73" s="11">
        <v>257542519.46000001</v>
      </c>
      <c r="K73" s="11">
        <v>9.6</v>
      </c>
      <c r="L73" s="11">
        <v>2404125001.7199998</v>
      </c>
    </row>
    <row r="74" spans="1:12" x14ac:dyDescent="0.25">
      <c r="A74" s="2" t="s">
        <v>135</v>
      </c>
      <c r="B74" s="4" t="s">
        <v>424</v>
      </c>
      <c r="C74" s="12">
        <v>1579371000</v>
      </c>
      <c r="D74" s="12">
        <v>222568087.43000001</v>
      </c>
      <c r="E74" s="12">
        <v>65552694.659999996</v>
      </c>
      <c r="F74" s="12">
        <v>65552694.659999996</v>
      </c>
      <c r="G74" s="12">
        <v>1.04</v>
      </c>
      <c r="H74" s="12">
        <v>157015392.77000001</v>
      </c>
      <c r="I74" s="12">
        <v>38050132.030000001</v>
      </c>
      <c r="J74" s="12">
        <v>38050132.030000001</v>
      </c>
      <c r="K74" s="12">
        <v>1.42</v>
      </c>
      <c r="L74" s="12">
        <v>184517955.40000001</v>
      </c>
    </row>
    <row r="75" spans="1:12" x14ac:dyDescent="0.25">
      <c r="A75" s="2" t="s">
        <v>137</v>
      </c>
      <c r="B75" s="4" t="s">
        <v>462</v>
      </c>
      <c r="C75" s="12">
        <v>22465400</v>
      </c>
      <c r="D75" s="12">
        <v>96223012.719999999</v>
      </c>
      <c r="E75" s="12">
        <v>21851951.25</v>
      </c>
      <c r="F75" s="12">
        <v>21851951.25</v>
      </c>
      <c r="G75" s="12">
        <v>0.35</v>
      </c>
      <c r="H75" s="12">
        <v>74371061.469999999</v>
      </c>
      <c r="I75" s="12">
        <v>585361.9</v>
      </c>
      <c r="J75" s="12">
        <v>585361.9</v>
      </c>
      <c r="K75" s="12">
        <v>0.02</v>
      </c>
      <c r="L75" s="12">
        <v>95637650.819999993</v>
      </c>
    </row>
    <row r="76" spans="1:12" x14ac:dyDescent="0.25">
      <c r="A76" s="2" t="s">
        <v>139</v>
      </c>
      <c r="B76" s="4" t="s">
        <v>463</v>
      </c>
      <c r="C76" s="12">
        <v>10004300</v>
      </c>
      <c r="D76" s="12">
        <v>2161887365.7800002</v>
      </c>
      <c r="E76" s="12">
        <v>266423920.41999999</v>
      </c>
      <c r="F76" s="12">
        <v>266423920.41999999</v>
      </c>
      <c r="G76" s="12">
        <v>4.21</v>
      </c>
      <c r="H76" s="12">
        <v>1895463445.3599999</v>
      </c>
      <c r="I76" s="12">
        <v>214077950.18000001</v>
      </c>
      <c r="J76" s="12">
        <v>214077950.18000001</v>
      </c>
      <c r="K76" s="12">
        <v>7.98</v>
      </c>
      <c r="L76" s="12">
        <v>1947809415.5999999</v>
      </c>
    </row>
    <row r="77" spans="1:12" x14ac:dyDescent="0.25">
      <c r="A77" s="2" t="s">
        <v>141</v>
      </c>
      <c r="B77" s="4" t="s">
        <v>464</v>
      </c>
      <c r="C77" s="12">
        <v>25975600</v>
      </c>
      <c r="D77" s="12">
        <v>25975600</v>
      </c>
      <c r="E77" s="12">
        <v>773569.07</v>
      </c>
      <c r="F77" s="12">
        <v>773569.07</v>
      </c>
      <c r="G77" s="12">
        <v>0.01</v>
      </c>
      <c r="H77" s="12">
        <v>25202030.93</v>
      </c>
      <c r="I77" s="12">
        <v>519660.03</v>
      </c>
      <c r="J77" s="12">
        <v>519660.03</v>
      </c>
      <c r="K77" s="12">
        <v>0.02</v>
      </c>
      <c r="L77" s="12">
        <v>25455939.969999999</v>
      </c>
    </row>
    <row r="78" spans="1:12" x14ac:dyDescent="0.25">
      <c r="A78" s="2" t="s">
        <v>143</v>
      </c>
      <c r="B78" s="4" t="s">
        <v>447</v>
      </c>
      <c r="C78" s="12">
        <v>32742400</v>
      </c>
      <c r="D78" s="12">
        <v>32724800</v>
      </c>
      <c r="E78" s="12">
        <v>1596184.4</v>
      </c>
      <c r="F78" s="12">
        <v>1596184.4</v>
      </c>
      <c r="G78" s="12">
        <v>0.03</v>
      </c>
      <c r="H78" s="12">
        <v>31128615.600000001</v>
      </c>
      <c r="I78" s="12">
        <v>515926.12</v>
      </c>
      <c r="J78" s="12">
        <v>515926.12</v>
      </c>
      <c r="K78" s="12">
        <v>0.02</v>
      </c>
      <c r="L78" s="12">
        <v>32208873.879999999</v>
      </c>
    </row>
    <row r="79" spans="1:12" x14ac:dyDescent="0.25">
      <c r="A79" s="2" t="s">
        <v>145</v>
      </c>
      <c r="B79" s="4" t="s">
        <v>465</v>
      </c>
      <c r="C79" s="12">
        <v>4287000</v>
      </c>
      <c r="D79" s="12">
        <v>3494200</v>
      </c>
      <c r="E79" s="12">
        <v>0</v>
      </c>
      <c r="F79" s="12">
        <v>0</v>
      </c>
      <c r="G79" s="12">
        <v>0</v>
      </c>
      <c r="H79" s="12">
        <v>3494200</v>
      </c>
      <c r="I79" s="12">
        <v>0</v>
      </c>
      <c r="J79" s="12">
        <v>0</v>
      </c>
      <c r="K79" s="12">
        <v>0</v>
      </c>
      <c r="L79" s="12">
        <v>3494200</v>
      </c>
    </row>
    <row r="80" spans="1:12" x14ac:dyDescent="0.25">
      <c r="A80" s="2" t="s">
        <v>147</v>
      </c>
      <c r="B80" s="4" t="s">
        <v>466</v>
      </c>
      <c r="C80" s="12">
        <v>13085400</v>
      </c>
      <c r="D80" s="12">
        <v>576541</v>
      </c>
      <c r="E80" s="12">
        <v>0</v>
      </c>
      <c r="F80" s="12">
        <v>0</v>
      </c>
      <c r="G80" s="12">
        <v>0</v>
      </c>
      <c r="H80" s="12">
        <v>576541</v>
      </c>
      <c r="I80" s="12">
        <v>0</v>
      </c>
      <c r="J80" s="12">
        <v>0</v>
      </c>
      <c r="K80" s="12">
        <v>0</v>
      </c>
      <c r="L80" s="12">
        <v>576541</v>
      </c>
    </row>
    <row r="81" spans="1:12" x14ac:dyDescent="0.25">
      <c r="A81" s="2" t="s">
        <v>149</v>
      </c>
      <c r="B81" s="4" t="s">
        <v>467</v>
      </c>
      <c r="C81" s="12">
        <v>303784200</v>
      </c>
      <c r="D81" s="12">
        <v>102678269.25</v>
      </c>
      <c r="E81" s="12">
        <v>30844669.949999999</v>
      </c>
      <c r="F81" s="12">
        <v>30844669.949999999</v>
      </c>
      <c r="G81" s="12">
        <v>0.49</v>
      </c>
      <c r="H81" s="12">
        <v>71833599.299999997</v>
      </c>
      <c r="I81" s="12">
        <v>2222376.17</v>
      </c>
      <c r="J81" s="12">
        <v>2222376.17</v>
      </c>
      <c r="K81" s="12">
        <v>0.08</v>
      </c>
      <c r="L81" s="12">
        <v>100455893.08</v>
      </c>
    </row>
    <row r="82" spans="1:12" x14ac:dyDescent="0.25">
      <c r="A82" s="2" t="s">
        <v>151</v>
      </c>
      <c r="B82" s="4" t="s">
        <v>468</v>
      </c>
      <c r="C82" s="12">
        <v>7189700</v>
      </c>
      <c r="D82" s="12">
        <v>7747300</v>
      </c>
      <c r="E82" s="12">
        <v>840248.47</v>
      </c>
      <c r="F82" s="12">
        <v>840248.47</v>
      </c>
      <c r="G82" s="12">
        <v>0.01</v>
      </c>
      <c r="H82" s="12">
        <v>6907051.5300000003</v>
      </c>
      <c r="I82" s="12">
        <v>317414.59999999998</v>
      </c>
      <c r="J82" s="12">
        <v>317414.59999999998</v>
      </c>
      <c r="K82" s="12">
        <v>0.01</v>
      </c>
      <c r="L82" s="12">
        <v>7429885.4000000004</v>
      </c>
    </row>
    <row r="83" spans="1:12" x14ac:dyDescent="0.25">
      <c r="A83" s="2" t="s">
        <v>153</v>
      </c>
      <c r="B83" s="4" t="s">
        <v>448</v>
      </c>
      <c r="C83" s="12">
        <v>9080000</v>
      </c>
      <c r="D83" s="12">
        <v>7792345</v>
      </c>
      <c r="E83" s="12">
        <v>7700000</v>
      </c>
      <c r="F83" s="12">
        <v>7700000</v>
      </c>
      <c r="G83" s="12">
        <v>0.12</v>
      </c>
      <c r="H83" s="12">
        <v>92345</v>
      </c>
      <c r="I83" s="12">
        <v>1253698.43</v>
      </c>
      <c r="J83" s="12">
        <v>1253698.43</v>
      </c>
      <c r="K83" s="12">
        <v>0.05</v>
      </c>
      <c r="L83" s="12">
        <v>6538646.5700000003</v>
      </c>
    </row>
    <row r="84" spans="1:12" x14ac:dyDescent="0.25">
      <c r="A84" s="3" t="s">
        <v>154</v>
      </c>
      <c r="B84" s="5" t="s">
        <v>469</v>
      </c>
      <c r="C84" s="11">
        <v>36029300</v>
      </c>
      <c r="D84" s="11">
        <v>43490300</v>
      </c>
      <c r="E84" s="11">
        <v>16522805.85</v>
      </c>
      <c r="F84" s="11">
        <v>16522805.85</v>
      </c>
      <c r="G84" s="11">
        <v>0.26</v>
      </c>
      <c r="H84" s="11">
        <v>26967494.149999999</v>
      </c>
      <c r="I84" s="11">
        <v>2225910.7000000002</v>
      </c>
      <c r="J84" s="11">
        <v>2225910.7000000002</v>
      </c>
      <c r="K84" s="11">
        <v>0.09</v>
      </c>
      <c r="L84" s="11">
        <v>41264389.299999997</v>
      </c>
    </row>
    <row r="85" spans="1:12" x14ac:dyDescent="0.25">
      <c r="A85" s="2" t="s">
        <v>155</v>
      </c>
      <c r="B85" s="4" t="s">
        <v>424</v>
      </c>
      <c r="C85" s="12">
        <v>9336600</v>
      </c>
      <c r="D85" s="12">
        <v>14396600</v>
      </c>
      <c r="E85" s="12">
        <v>8706062.8800000008</v>
      </c>
      <c r="F85" s="12">
        <v>8706062.8800000008</v>
      </c>
      <c r="G85" s="12">
        <v>0.14000000000000001</v>
      </c>
      <c r="H85" s="12">
        <v>5690537.1200000001</v>
      </c>
      <c r="I85" s="12">
        <v>1540376.52</v>
      </c>
      <c r="J85" s="12">
        <v>1540376.52</v>
      </c>
      <c r="K85" s="12">
        <v>0.06</v>
      </c>
      <c r="L85" s="12">
        <v>12856223.48</v>
      </c>
    </row>
    <row r="86" spans="1:12" x14ac:dyDescent="0.25">
      <c r="A86" s="2" t="s">
        <v>157</v>
      </c>
      <c r="B86" s="4" t="s">
        <v>470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  <c r="J86" s="12">
        <v>0</v>
      </c>
      <c r="K86" s="12">
        <v>0</v>
      </c>
      <c r="L86" s="12">
        <v>0</v>
      </c>
    </row>
    <row r="87" spans="1:12" x14ac:dyDescent="0.25">
      <c r="A87" s="2" t="s">
        <v>159</v>
      </c>
      <c r="B87" s="4" t="s">
        <v>471</v>
      </c>
      <c r="C87" s="12">
        <v>26692700</v>
      </c>
      <c r="D87" s="12">
        <v>29093700</v>
      </c>
      <c r="E87" s="12">
        <v>7816742.9699999997</v>
      </c>
      <c r="F87" s="12">
        <v>7816742.9699999997</v>
      </c>
      <c r="G87" s="12">
        <v>0.12</v>
      </c>
      <c r="H87" s="12">
        <v>21276957.030000001</v>
      </c>
      <c r="I87" s="12">
        <v>685534.18</v>
      </c>
      <c r="J87" s="12">
        <v>685534.18</v>
      </c>
      <c r="K87" s="12">
        <v>0.03</v>
      </c>
      <c r="L87" s="12">
        <v>28408165.82</v>
      </c>
    </row>
    <row r="88" spans="1:12" x14ac:dyDescent="0.25">
      <c r="A88" s="3" t="s">
        <v>161</v>
      </c>
      <c r="B88" s="5" t="s">
        <v>472</v>
      </c>
      <c r="C88" s="11">
        <v>357808400</v>
      </c>
      <c r="D88" s="11">
        <v>367132533.63999999</v>
      </c>
      <c r="E88" s="11">
        <v>55807907.880000003</v>
      </c>
      <c r="F88" s="11">
        <v>55807907.880000003</v>
      </c>
      <c r="G88" s="11">
        <v>0.88</v>
      </c>
      <c r="H88" s="11">
        <v>311324625.75999999</v>
      </c>
      <c r="I88" s="11">
        <v>44474178.149999999</v>
      </c>
      <c r="J88" s="11">
        <v>44474178.149999999</v>
      </c>
      <c r="K88" s="11">
        <v>1.66</v>
      </c>
      <c r="L88" s="11">
        <v>322658355.49000001</v>
      </c>
    </row>
    <row r="89" spans="1:12" x14ac:dyDescent="0.25">
      <c r="A89" s="2" t="s">
        <v>163</v>
      </c>
      <c r="B89" s="4" t="s">
        <v>435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  <c r="J89" s="12">
        <v>0</v>
      </c>
      <c r="K89" s="12">
        <v>0</v>
      </c>
      <c r="L89" s="12">
        <v>0</v>
      </c>
    </row>
    <row r="90" spans="1:12" x14ac:dyDescent="0.25">
      <c r="A90" s="2" t="s">
        <v>165</v>
      </c>
      <c r="B90" s="4" t="s">
        <v>442</v>
      </c>
      <c r="C90" s="12">
        <v>347522800</v>
      </c>
      <c r="D90" s="12">
        <v>347415533.63999999</v>
      </c>
      <c r="E90" s="12">
        <v>54903510.100000001</v>
      </c>
      <c r="F90" s="12">
        <v>54903510.100000001</v>
      </c>
      <c r="G90" s="12">
        <v>0.87</v>
      </c>
      <c r="H90" s="12">
        <v>292512023.54000002</v>
      </c>
      <c r="I90" s="12">
        <v>44005307.390000001</v>
      </c>
      <c r="J90" s="12">
        <v>44005307.390000001</v>
      </c>
      <c r="K90" s="12">
        <v>1.64</v>
      </c>
      <c r="L90" s="12">
        <v>303410226.25</v>
      </c>
    </row>
    <row r="91" spans="1:12" x14ac:dyDescent="0.25">
      <c r="A91" s="2" t="s">
        <v>178</v>
      </c>
      <c r="B91" s="4" t="s">
        <v>431</v>
      </c>
      <c r="C91" s="12">
        <v>9700600</v>
      </c>
      <c r="D91" s="12">
        <v>19132000</v>
      </c>
      <c r="E91" s="12">
        <v>904397.78</v>
      </c>
      <c r="F91" s="12">
        <v>904397.78</v>
      </c>
      <c r="G91" s="12">
        <v>0.01</v>
      </c>
      <c r="H91" s="12">
        <v>18227602.219999999</v>
      </c>
      <c r="I91" s="12">
        <v>468870.76</v>
      </c>
      <c r="J91" s="12">
        <v>468870.76</v>
      </c>
      <c r="K91" s="12">
        <v>0.02</v>
      </c>
      <c r="L91" s="12">
        <v>18663129.239999998</v>
      </c>
    </row>
    <row r="92" spans="1:12" x14ac:dyDescent="0.25">
      <c r="A92" s="2" t="s">
        <v>180</v>
      </c>
      <c r="B92" s="4" t="s">
        <v>473</v>
      </c>
      <c r="C92" s="12">
        <v>585000</v>
      </c>
      <c r="D92" s="12">
        <v>585000</v>
      </c>
      <c r="E92" s="12">
        <v>0</v>
      </c>
      <c r="F92" s="12">
        <v>0</v>
      </c>
      <c r="G92" s="12">
        <v>0</v>
      </c>
      <c r="H92" s="12">
        <v>585000</v>
      </c>
      <c r="I92" s="12">
        <v>0</v>
      </c>
      <c r="J92" s="12">
        <v>0</v>
      </c>
      <c r="K92" s="12">
        <v>0</v>
      </c>
      <c r="L92" s="12">
        <v>585000</v>
      </c>
    </row>
    <row r="93" spans="1:12" x14ac:dyDescent="0.25">
      <c r="A93" s="3" t="s">
        <v>182</v>
      </c>
      <c r="B93" s="5" t="s">
        <v>474</v>
      </c>
      <c r="C93" s="11">
        <v>23937200</v>
      </c>
      <c r="D93" s="11">
        <v>51115844</v>
      </c>
      <c r="E93" s="11">
        <v>23089605.350000001</v>
      </c>
      <c r="F93" s="11">
        <v>23089605.350000001</v>
      </c>
      <c r="G93" s="11">
        <v>0.36</v>
      </c>
      <c r="H93" s="11">
        <v>28026238.649999999</v>
      </c>
      <c r="I93" s="11">
        <v>4668394.75</v>
      </c>
      <c r="J93" s="11">
        <v>4668394.75</v>
      </c>
      <c r="K93" s="11">
        <v>0.17</v>
      </c>
      <c r="L93" s="11">
        <v>46447449.25</v>
      </c>
    </row>
    <row r="94" spans="1:12" x14ac:dyDescent="0.25">
      <c r="A94" s="2" t="s">
        <v>184</v>
      </c>
      <c r="B94" s="4" t="s">
        <v>424</v>
      </c>
      <c r="C94" s="12">
        <v>10170000</v>
      </c>
      <c r="D94" s="12">
        <v>10731319</v>
      </c>
      <c r="E94" s="12">
        <v>2785349.84</v>
      </c>
      <c r="F94" s="12">
        <v>2785349.84</v>
      </c>
      <c r="G94" s="12">
        <v>0.04</v>
      </c>
      <c r="H94" s="12">
        <v>7945969.1600000001</v>
      </c>
      <c r="I94" s="12">
        <v>2251788.61</v>
      </c>
      <c r="J94" s="12">
        <v>2251788.61</v>
      </c>
      <c r="K94" s="12">
        <v>0.08</v>
      </c>
      <c r="L94" s="12">
        <v>8479530.3900000006</v>
      </c>
    </row>
    <row r="95" spans="1:12" x14ac:dyDescent="0.25">
      <c r="A95" s="2" t="s">
        <v>186</v>
      </c>
      <c r="B95" s="4" t="s">
        <v>433</v>
      </c>
      <c r="C95" s="12">
        <v>1000</v>
      </c>
      <c r="D95" s="12">
        <v>1000</v>
      </c>
      <c r="E95" s="12">
        <v>0</v>
      </c>
      <c r="F95" s="12">
        <v>0</v>
      </c>
      <c r="G95" s="12">
        <v>0</v>
      </c>
      <c r="H95" s="12">
        <v>1000</v>
      </c>
      <c r="I95" s="12">
        <v>0</v>
      </c>
      <c r="J95" s="12">
        <v>0</v>
      </c>
      <c r="K95" s="12">
        <v>0</v>
      </c>
      <c r="L95" s="12">
        <v>1000</v>
      </c>
    </row>
    <row r="96" spans="1:12" x14ac:dyDescent="0.25">
      <c r="A96" s="2" t="s">
        <v>188</v>
      </c>
      <c r="B96" s="4" t="s">
        <v>475</v>
      </c>
      <c r="C96" s="12">
        <v>13766200</v>
      </c>
      <c r="D96" s="12">
        <v>40383525</v>
      </c>
      <c r="E96" s="12">
        <v>20304255.510000002</v>
      </c>
      <c r="F96" s="12">
        <v>20304255.510000002</v>
      </c>
      <c r="G96" s="12">
        <v>0.32</v>
      </c>
      <c r="H96" s="12">
        <v>20079269.489999998</v>
      </c>
      <c r="I96" s="12">
        <v>2416606.14</v>
      </c>
      <c r="J96" s="12">
        <v>2416606.14</v>
      </c>
      <c r="K96" s="12">
        <v>0.09</v>
      </c>
      <c r="L96" s="12">
        <v>37966918.859999999</v>
      </c>
    </row>
    <row r="97" spans="1:12" x14ac:dyDescent="0.25">
      <c r="A97" s="3" t="s">
        <v>190</v>
      </c>
      <c r="B97" s="5" t="s">
        <v>476</v>
      </c>
      <c r="C97" s="11">
        <v>36650600</v>
      </c>
      <c r="D97" s="11">
        <v>36476600</v>
      </c>
      <c r="E97" s="11">
        <v>28586948.559999999</v>
      </c>
      <c r="F97" s="11">
        <v>28586948.559999999</v>
      </c>
      <c r="G97" s="11">
        <v>0.45</v>
      </c>
      <c r="H97" s="11">
        <v>7889651.4400000004</v>
      </c>
      <c r="I97" s="11">
        <v>166879.53</v>
      </c>
      <c r="J97" s="11">
        <v>166879.53</v>
      </c>
      <c r="K97" s="11">
        <v>0.01</v>
      </c>
      <c r="L97" s="11">
        <v>36309720.469999999</v>
      </c>
    </row>
    <row r="98" spans="1:12" x14ac:dyDescent="0.25">
      <c r="A98" s="2" t="s">
        <v>192</v>
      </c>
      <c r="B98" s="4" t="s">
        <v>477</v>
      </c>
      <c r="C98" s="12">
        <v>36650600</v>
      </c>
      <c r="D98" s="12">
        <v>36476600</v>
      </c>
      <c r="E98" s="12">
        <v>28586948.559999999</v>
      </c>
      <c r="F98" s="12">
        <v>28586948.559999999</v>
      </c>
      <c r="G98" s="12">
        <v>0.45</v>
      </c>
      <c r="H98" s="12">
        <v>7889651.4400000004</v>
      </c>
      <c r="I98" s="12">
        <v>166879.53</v>
      </c>
      <c r="J98" s="12">
        <v>166879.53</v>
      </c>
      <c r="K98" s="12">
        <v>0.01</v>
      </c>
      <c r="L98" s="12">
        <v>36309720.469999999</v>
      </c>
    </row>
    <row r="99" spans="1:12" x14ac:dyDescent="0.25">
      <c r="A99" s="3" t="s">
        <v>194</v>
      </c>
      <c r="B99" s="5" t="s">
        <v>478</v>
      </c>
      <c r="C99" s="11">
        <v>126126900</v>
      </c>
      <c r="D99" s="11">
        <v>156254900</v>
      </c>
      <c r="E99" s="11">
        <v>41740888.710000001</v>
      </c>
      <c r="F99" s="11">
        <v>41740888.710000001</v>
      </c>
      <c r="G99" s="11">
        <v>0.66</v>
      </c>
      <c r="H99" s="11">
        <v>114514011.29000001</v>
      </c>
      <c r="I99" s="11">
        <v>11215599.369999999</v>
      </c>
      <c r="J99" s="11">
        <v>11215599.369999999</v>
      </c>
      <c r="K99" s="11">
        <v>0.42</v>
      </c>
      <c r="L99" s="11">
        <v>145039300.63</v>
      </c>
    </row>
    <row r="100" spans="1:12" x14ac:dyDescent="0.25">
      <c r="A100" s="2" t="s">
        <v>196</v>
      </c>
      <c r="B100" s="4" t="s">
        <v>424</v>
      </c>
      <c r="C100" s="12">
        <v>62840000</v>
      </c>
      <c r="D100" s="12">
        <v>56268550</v>
      </c>
      <c r="E100" s="12">
        <v>6926544.9400000004</v>
      </c>
      <c r="F100" s="12">
        <v>6926544.9400000004</v>
      </c>
      <c r="G100" s="12">
        <v>0.11</v>
      </c>
      <c r="H100" s="12">
        <v>49342005.060000002</v>
      </c>
      <c r="I100" s="12">
        <v>4565676.3099999996</v>
      </c>
      <c r="J100" s="12">
        <v>4565676.3099999996</v>
      </c>
      <c r="K100" s="12">
        <v>0.17</v>
      </c>
      <c r="L100" s="12">
        <v>51702873.689999998</v>
      </c>
    </row>
    <row r="101" spans="1:12" x14ac:dyDescent="0.25">
      <c r="A101" s="2" t="s">
        <v>198</v>
      </c>
      <c r="B101" s="4" t="s">
        <v>439</v>
      </c>
      <c r="C101" s="12">
        <v>8500000</v>
      </c>
      <c r="D101" s="12">
        <v>8500000</v>
      </c>
      <c r="E101" s="12">
        <v>592492</v>
      </c>
      <c r="F101" s="12">
        <v>592492</v>
      </c>
      <c r="G101" s="12">
        <v>0.01</v>
      </c>
      <c r="H101" s="12">
        <v>7907508</v>
      </c>
      <c r="I101" s="12">
        <v>186976.39</v>
      </c>
      <c r="J101" s="12">
        <v>186976.39</v>
      </c>
      <c r="K101" s="12">
        <v>0.01</v>
      </c>
      <c r="L101" s="12">
        <v>8313023.6100000003</v>
      </c>
    </row>
    <row r="102" spans="1:12" x14ac:dyDescent="0.25">
      <c r="A102" s="2" t="s">
        <v>200</v>
      </c>
      <c r="B102" s="4" t="s">
        <v>479</v>
      </c>
      <c r="C102" s="12">
        <v>51638000</v>
      </c>
      <c r="D102" s="12">
        <v>88218000</v>
      </c>
      <c r="E102" s="12">
        <v>32689528.039999999</v>
      </c>
      <c r="F102" s="12">
        <v>32689528.039999999</v>
      </c>
      <c r="G102" s="12">
        <v>0.52</v>
      </c>
      <c r="H102" s="12">
        <v>55528471.960000001</v>
      </c>
      <c r="I102" s="12">
        <v>6462946.6699999999</v>
      </c>
      <c r="J102" s="12">
        <v>6462946.6699999999</v>
      </c>
      <c r="K102" s="12">
        <v>0.24</v>
      </c>
      <c r="L102" s="12">
        <v>81755053.329999998</v>
      </c>
    </row>
    <row r="103" spans="1:12" x14ac:dyDescent="0.25">
      <c r="A103" s="2" t="s">
        <v>202</v>
      </c>
      <c r="B103" s="4" t="s">
        <v>480</v>
      </c>
      <c r="C103" s="12">
        <v>2814800</v>
      </c>
      <c r="D103" s="12">
        <v>2934250</v>
      </c>
      <c r="E103" s="12">
        <v>1532323.73</v>
      </c>
      <c r="F103" s="12">
        <v>1532323.73</v>
      </c>
      <c r="G103" s="12">
        <v>0.02</v>
      </c>
      <c r="H103" s="12">
        <v>1401926.27</v>
      </c>
      <c r="I103" s="12">
        <v>0</v>
      </c>
      <c r="J103" s="12">
        <v>0</v>
      </c>
      <c r="K103" s="12">
        <v>0</v>
      </c>
      <c r="L103" s="12">
        <v>2934250</v>
      </c>
    </row>
    <row r="104" spans="1:12" x14ac:dyDescent="0.25">
      <c r="A104" s="2" t="s">
        <v>204</v>
      </c>
      <c r="B104" s="4" t="s">
        <v>481</v>
      </c>
      <c r="C104" s="12">
        <v>234100</v>
      </c>
      <c r="D104" s="12">
        <v>234100</v>
      </c>
      <c r="E104" s="12">
        <v>0</v>
      </c>
      <c r="F104" s="12">
        <v>0</v>
      </c>
      <c r="G104" s="12">
        <v>0</v>
      </c>
      <c r="H104" s="12">
        <v>234100</v>
      </c>
      <c r="I104" s="12">
        <v>0</v>
      </c>
      <c r="J104" s="12">
        <v>0</v>
      </c>
      <c r="K104" s="12">
        <v>0</v>
      </c>
      <c r="L104" s="12">
        <v>234100</v>
      </c>
    </row>
    <row r="105" spans="1:12" x14ac:dyDescent="0.25">
      <c r="A105" s="2" t="s">
        <v>206</v>
      </c>
      <c r="B105" s="4" t="s">
        <v>482</v>
      </c>
      <c r="C105" s="12">
        <v>100000</v>
      </c>
      <c r="D105" s="12">
        <v>100000</v>
      </c>
      <c r="E105" s="12">
        <v>0</v>
      </c>
      <c r="F105" s="12">
        <v>0</v>
      </c>
      <c r="G105" s="12">
        <v>0</v>
      </c>
      <c r="H105" s="12">
        <v>100000</v>
      </c>
      <c r="I105" s="12">
        <v>0</v>
      </c>
      <c r="J105" s="12">
        <v>0</v>
      </c>
      <c r="K105" s="12">
        <v>0</v>
      </c>
      <c r="L105" s="12">
        <v>100000</v>
      </c>
    </row>
    <row r="106" spans="1:12" x14ac:dyDescent="0.25">
      <c r="A106" s="3" t="s">
        <v>208</v>
      </c>
      <c r="B106" s="5" t="s">
        <v>483</v>
      </c>
      <c r="C106" s="11">
        <v>45152400</v>
      </c>
      <c r="D106" s="11">
        <v>45152400</v>
      </c>
      <c r="E106" s="11">
        <v>8881418.2899999991</v>
      </c>
      <c r="F106" s="11">
        <v>8881418.2899999991</v>
      </c>
      <c r="G106" s="11">
        <v>0.14000000000000001</v>
      </c>
      <c r="H106" s="11">
        <v>36270981.710000001</v>
      </c>
      <c r="I106" s="11">
        <v>4556259.59</v>
      </c>
      <c r="J106" s="11">
        <v>4556259.59</v>
      </c>
      <c r="K106" s="11">
        <v>0.17</v>
      </c>
      <c r="L106" s="11">
        <v>40596140.409999996</v>
      </c>
    </row>
    <row r="107" spans="1:12" x14ac:dyDescent="0.25">
      <c r="A107" s="2" t="s">
        <v>210</v>
      </c>
      <c r="B107" s="4" t="s">
        <v>425</v>
      </c>
      <c r="C107" s="12">
        <v>200</v>
      </c>
      <c r="D107" s="12">
        <v>200</v>
      </c>
      <c r="E107" s="12">
        <v>0</v>
      </c>
      <c r="F107" s="12">
        <v>0</v>
      </c>
      <c r="G107" s="12">
        <v>0</v>
      </c>
      <c r="H107" s="12">
        <v>200</v>
      </c>
      <c r="I107" s="12">
        <v>0</v>
      </c>
      <c r="J107" s="12">
        <v>0</v>
      </c>
      <c r="K107" s="12">
        <v>0</v>
      </c>
      <c r="L107" s="12">
        <v>200</v>
      </c>
    </row>
    <row r="108" spans="1:12" x14ac:dyDescent="0.25">
      <c r="A108" s="2" t="s">
        <v>212</v>
      </c>
      <c r="B108" s="4" t="s">
        <v>468</v>
      </c>
      <c r="C108" s="12">
        <v>17417300</v>
      </c>
      <c r="D108" s="12">
        <v>17417300</v>
      </c>
      <c r="E108" s="12">
        <v>4214444.5599999996</v>
      </c>
      <c r="F108" s="12">
        <v>4214444.5599999996</v>
      </c>
      <c r="G108" s="12">
        <v>7.0000000000000007E-2</v>
      </c>
      <c r="H108" s="12">
        <v>13202855.439999999</v>
      </c>
      <c r="I108" s="12">
        <v>3226485.86</v>
      </c>
      <c r="J108" s="12">
        <v>3226485.86</v>
      </c>
      <c r="K108" s="12">
        <v>0.12</v>
      </c>
      <c r="L108" s="12">
        <v>14190814.140000001</v>
      </c>
    </row>
    <row r="109" spans="1:12" x14ac:dyDescent="0.25">
      <c r="A109" s="2" t="s">
        <v>214</v>
      </c>
      <c r="B109" s="4" t="s">
        <v>484</v>
      </c>
      <c r="C109" s="12">
        <v>27734900</v>
      </c>
      <c r="D109" s="12">
        <v>27734900</v>
      </c>
      <c r="E109" s="12">
        <v>4666973.7300000004</v>
      </c>
      <c r="F109" s="12">
        <v>4666973.7300000004</v>
      </c>
      <c r="G109" s="12">
        <v>7.0000000000000007E-2</v>
      </c>
      <c r="H109" s="12">
        <v>23067926.27</v>
      </c>
      <c r="I109" s="12">
        <v>1329773.73</v>
      </c>
      <c r="J109" s="12">
        <v>1329773.73</v>
      </c>
      <c r="K109" s="12">
        <v>0.05</v>
      </c>
      <c r="L109" s="12">
        <v>26405126.27</v>
      </c>
    </row>
    <row r="110" spans="1:12" x14ac:dyDescent="0.25">
      <c r="A110" s="3" t="s">
        <v>216</v>
      </c>
      <c r="B110" s="5" t="s">
        <v>485</v>
      </c>
      <c r="C110" s="11">
        <v>241658000</v>
      </c>
      <c r="D110" s="11">
        <v>375486538.05000001</v>
      </c>
      <c r="E110" s="11">
        <v>95908987.299999997</v>
      </c>
      <c r="F110" s="11">
        <v>95908987.299999997</v>
      </c>
      <c r="G110" s="11">
        <v>1.51</v>
      </c>
      <c r="H110" s="11">
        <v>279577550.75</v>
      </c>
      <c r="I110" s="11">
        <v>28803196.77</v>
      </c>
      <c r="J110" s="11">
        <v>28803196.77</v>
      </c>
      <c r="K110" s="11">
        <v>1.07</v>
      </c>
      <c r="L110" s="11">
        <v>346683341.27999997</v>
      </c>
    </row>
    <row r="111" spans="1:12" x14ac:dyDescent="0.25">
      <c r="A111" s="2" t="s">
        <v>217</v>
      </c>
      <c r="B111" s="4" t="s">
        <v>424</v>
      </c>
      <c r="C111" s="12">
        <v>101604500</v>
      </c>
      <c r="D111" s="12">
        <v>108816632</v>
      </c>
      <c r="E111" s="12">
        <v>57677437.670000002</v>
      </c>
      <c r="F111" s="12">
        <v>57677437.670000002</v>
      </c>
      <c r="G111" s="12">
        <v>0.91</v>
      </c>
      <c r="H111" s="12">
        <v>51139194.329999998</v>
      </c>
      <c r="I111" s="12">
        <v>24002019.870000001</v>
      </c>
      <c r="J111" s="12">
        <v>24002019.870000001</v>
      </c>
      <c r="K111" s="12">
        <v>0.89</v>
      </c>
      <c r="L111" s="12">
        <v>84814612.129999995</v>
      </c>
    </row>
    <row r="112" spans="1:12" x14ac:dyDescent="0.25">
      <c r="A112" s="2" t="s">
        <v>218</v>
      </c>
      <c r="B112" s="4" t="s">
        <v>473</v>
      </c>
      <c r="C112" s="12">
        <v>1400</v>
      </c>
      <c r="D112" s="12">
        <v>9809058</v>
      </c>
      <c r="E112" s="12">
        <v>2033240</v>
      </c>
      <c r="F112" s="12">
        <v>2033240</v>
      </c>
      <c r="G112" s="12">
        <v>0.03</v>
      </c>
      <c r="H112" s="12">
        <v>7775818</v>
      </c>
      <c r="I112" s="12">
        <v>0</v>
      </c>
      <c r="J112" s="12">
        <v>0</v>
      </c>
      <c r="K112" s="12">
        <v>0</v>
      </c>
      <c r="L112" s="12">
        <v>9809058</v>
      </c>
    </row>
    <row r="113" spans="1:12" x14ac:dyDescent="0.25">
      <c r="A113" s="2" t="s">
        <v>220</v>
      </c>
      <c r="B113" s="4" t="s">
        <v>479</v>
      </c>
      <c r="C113" s="12">
        <v>2181100</v>
      </c>
      <c r="D113" s="12">
        <v>84945136.049999997</v>
      </c>
      <c r="E113" s="12">
        <v>0</v>
      </c>
      <c r="F113" s="12">
        <v>0</v>
      </c>
      <c r="G113" s="12">
        <v>0</v>
      </c>
      <c r="H113" s="12">
        <v>84945136.049999997</v>
      </c>
      <c r="I113" s="12">
        <v>0</v>
      </c>
      <c r="J113" s="12">
        <v>0</v>
      </c>
      <c r="K113" s="12">
        <v>0</v>
      </c>
      <c r="L113" s="12">
        <v>84945136.049999997</v>
      </c>
    </row>
    <row r="114" spans="1:12" x14ac:dyDescent="0.25">
      <c r="A114" s="2" t="s">
        <v>222</v>
      </c>
      <c r="B114" s="4" t="s">
        <v>480</v>
      </c>
      <c r="C114" s="12">
        <v>100</v>
      </c>
      <c r="D114" s="12">
        <v>100</v>
      </c>
      <c r="E114" s="12">
        <v>0</v>
      </c>
      <c r="F114" s="12">
        <v>0</v>
      </c>
      <c r="G114" s="12">
        <v>0</v>
      </c>
      <c r="H114" s="12">
        <v>100</v>
      </c>
      <c r="I114" s="12">
        <v>0</v>
      </c>
      <c r="J114" s="12">
        <v>0</v>
      </c>
      <c r="K114" s="12">
        <v>0</v>
      </c>
      <c r="L114" s="12">
        <v>100</v>
      </c>
    </row>
    <row r="115" spans="1:12" x14ac:dyDescent="0.25">
      <c r="A115" s="2" t="s">
        <v>224</v>
      </c>
      <c r="B115" s="4" t="s">
        <v>482</v>
      </c>
      <c r="C115" s="12">
        <v>100</v>
      </c>
      <c r="D115" s="12">
        <v>100</v>
      </c>
      <c r="E115" s="12">
        <v>0</v>
      </c>
      <c r="F115" s="12">
        <v>0</v>
      </c>
      <c r="G115" s="12">
        <v>0</v>
      </c>
      <c r="H115" s="12">
        <v>100</v>
      </c>
      <c r="I115" s="12">
        <v>0</v>
      </c>
      <c r="J115" s="12">
        <v>0</v>
      </c>
      <c r="K115" s="12">
        <v>0</v>
      </c>
      <c r="L115" s="12">
        <v>100</v>
      </c>
    </row>
    <row r="116" spans="1:12" x14ac:dyDescent="0.25">
      <c r="A116" s="2" t="s">
        <v>227</v>
      </c>
      <c r="B116" s="4" t="s">
        <v>484</v>
      </c>
      <c r="C116" s="12">
        <v>3611800</v>
      </c>
      <c r="D116" s="12">
        <v>2918305</v>
      </c>
      <c r="E116" s="12">
        <v>356265.37</v>
      </c>
      <c r="F116" s="12">
        <v>356265.37</v>
      </c>
      <c r="G116" s="12">
        <v>0.01</v>
      </c>
      <c r="H116" s="12">
        <v>2562039.63</v>
      </c>
      <c r="I116" s="12">
        <v>171603.38</v>
      </c>
      <c r="J116" s="12">
        <v>171603.38</v>
      </c>
      <c r="K116" s="12">
        <v>0.01</v>
      </c>
      <c r="L116" s="12">
        <v>2746701.62</v>
      </c>
    </row>
    <row r="117" spans="1:12" x14ac:dyDescent="0.25">
      <c r="A117" s="2" t="s">
        <v>229</v>
      </c>
      <c r="B117" s="4" t="s">
        <v>486</v>
      </c>
      <c r="C117" s="12">
        <v>76417800</v>
      </c>
      <c r="D117" s="12">
        <v>101724927</v>
      </c>
      <c r="E117" s="12">
        <v>15206532</v>
      </c>
      <c r="F117" s="12">
        <v>15206532</v>
      </c>
      <c r="G117" s="12">
        <v>0.24</v>
      </c>
      <c r="H117" s="12">
        <v>86518395</v>
      </c>
      <c r="I117" s="12">
        <v>3023903.51</v>
      </c>
      <c r="J117" s="12">
        <v>3023903.51</v>
      </c>
      <c r="K117" s="12">
        <v>0.11</v>
      </c>
      <c r="L117" s="12">
        <v>98701023.489999995</v>
      </c>
    </row>
    <row r="118" spans="1:12" x14ac:dyDescent="0.25">
      <c r="A118" s="2" t="s">
        <v>231</v>
      </c>
      <c r="B118" s="4" t="s">
        <v>487</v>
      </c>
      <c r="C118" s="12">
        <v>100</v>
      </c>
      <c r="D118" s="12">
        <v>100</v>
      </c>
      <c r="E118" s="12">
        <v>0</v>
      </c>
      <c r="F118" s="12">
        <v>0</v>
      </c>
      <c r="G118" s="12">
        <v>0</v>
      </c>
      <c r="H118" s="12">
        <v>100</v>
      </c>
      <c r="I118" s="12">
        <v>0</v>
      </c>
      <c r="J118" s="12">
        <v>0</v>
      </c>
      <c r="K118" s="12">
        <v>0</v>
      </c>
      <c r="L118" s="12">
        <v>100</v>
      </c>
    </row>
    <row r="119" spans="1:12" x14ac:dyDescent="0.25">
      <c r="A119" s="2" t="s">
        <v>233</v>
      </c>
      <c r="B119" s="4" t="s">
        <v>488</v>
      </c>
      <c r="C119" s="12">
        <v>19721700</v>
      </c>
      <c r="D119" s="12">
        <v>19721700</v>
      </c>
      <c r="E119" s="12">
        <v>5204351.18</v>
      </c>
      <c r="F119" s="12">
        <v>5204351.18</v>
      </c>
      <c r="G119" s="12">
        <v>0.08</v>
      </c>
      <c r="H119" s="12">
        <v>14517348.82</v>
      </c>
      <c r="I119" s="12">
        <v>241885.92</v>
      </c>
      <c r="J119" s="12">
        <v>241885.92</v>
      </c>
      <c r="K119" s="12">
        <v>0.01</v>
      </c>
      <c r="L119" s="12">
        <v>19479814.079999998</v>
      </c>
    </row>
    <row r="120" spans="1:12" x14ac:dyDescent="0.25">
      <c r="A120" s="2" t="s">
        <v>235</v>
      </c>
      <c r="B120" s="4" t="s">
        <v>489</v>
      </c>
      <c r="C120" s="12">
        <v>38119400</v>
      </c>
      <c r="D120" s="12">
        <v>47550480</v>
      </c>
      <c r="E120" s="12">
        <v>15431161.08</v>
      </c>
      <c r="F120" s="12">
        <v>15431161.08</v>
      </c>
      <c r="G120" s="12">
        <v>0.24</v>
      </c>
      <c r="H120" s="12">
        <v>32119318.920000002</v>
      </c>
      <c r="I120" s="12">
        <v>1363784.09</v>
      </c>
      <c r="J120" s="12">
        <v>1363784.09</v>
      </c>
      <c r="K120" s="12">
        <v>0.05</v>
      </c>
      <c r="L120" s="12">
        <v>46186695.909999996</v>
      </c>
    </row>
    <row r="121" spans="1:12" x14ac:dyDescent="0.25">
      <c r="A121" s="3" t="s">
        <v>237</v>
      </c>
      <c r="B121" s="5" t="s">
        <v>490</v>
      </c>
      <c r="C121" s="11">
        <v>3861700</v>
      </c>
      <c r="D121" s="11">
        <v>4361700</v>
      </c>
      <c r="E121" s="11">
        <v>0</v>
      </c>
      <c r="F121" s="11">
        <v>0</v>
      </c>
      <c r="G121" s="11">
        <v>0</v>
      </c>
      <c r="H121" s="11">
        <v>4361700</v>
      </c>
      <c r="I121" s="11">
        <v>0</v>
      </c>
      <c r="J121" s="11">
        <v>0</v>
      </c>
      <c r="K121" s="11">
        <v>0</v>
      </c>
      <c r="L121" s="11">
        <v>4361700</v>
      </c>
    </row>
    <row r="122" spans="1:12" x14ac:dyDescent="0.25">
      <c r="A122" s="2" t="s">
        <v>239</v>
      </c>
      <c r="B122" s="4" t="s">
        <v>491</v>
      </c>
      <c r="C122" s="12">
        <v>3861700</v>
      </c>
      <c r="D122" s="12">
        <v>4361700</v>
      </c>
      <c r="E122" s="12">
        <v>0</v>
      </c>
      <c r="F122" s="12">
        <v>0</v>
      </c>
      <c r="G122" s="12">
        <v>0</v>
      </c>
      <c r="H122" s="12">
        <v>4361700</v>
      </c>
      <c r="I122" s="12">
        <v>0</v>
      </c>
      <c r="J122" s="12">
        <v>0</v>
      </c>
      <c r="K122" s="12">
        <v>0</v>
      </c>
      <c r="L122" s="12">
        <v>4361700</v>
      </c>
    </row>
    <row r="123" spans="1:12" x14ac:dyDescent="0.25">
      <c r="A123" s="3" t="s">
        <v>241</v>
      </c>
      <c r="B123" s="5" t="s">
        <v>492</v>
      </c>
      <c r="C123" s="11">
        <v>323103200</v>
      </c>
      <c r="D123" s="11">
        <v>323103200</v>
      </c>
      <c r="E123" s="11">
        <v>9707352.0199999996</v>
      </c>
      <c r="F123" s="11">
        <v>9707352.0199999996</v>
      </c>
      <c r="G123" s="11">
        <v>0.15</v>
      </c>
      <c r="H123" s="11">
        <v>313395847.98000002</v>
      </c>
      <c r="I123" s="11">
        <v>7180597.6299999999</v>
      </c>
      <c r="J123" s="11">
        <v>7180597.6299999999</v>
      </c>
      <c r="K123" s="11">
        <v>0.27</v>
      </c>
      <c r="L123" s="11">
        <v>315922602.37</v>
      </c>
    </row>
    <row r="124" spans="1:12" x14ac:dyDescent="0.25">
      <c r="A124" s="2" t="s">
        <v>243</v>
      </c>
      <c r="B124" s="4" t="s">
        <v>493</v>
      </c>
      <c r="C124" s="12">
        <v>323103200</v>
      </c>
      <c r="D124" s="12">
        <v>323103200</v>
      </c>
      <c r="E124" s="12">
        <v>9707352.0199999996</v>
      </c>
      <c r="F124" s="12">
        <v>9707352.0199999996</v>
      </c>
      <c r="G124" s="12">
        <v>0.15</v>
      </c>
      <c r="H124" s="12">
        <v>313395847.98000002</v>
      </c>
      <c r="I124" s="12">
        <v>7180597.6299999999</v>
      </c>
      <c r="J124" s="12">
        <v>7180597.6299999999</v>
      </c>
      <c r="K124" s="12">
        <v>0.27</v>
      </c>
      <c r="L124" s="12">
        <v>315922602.37</v>
      </c>
    </row>
    <row r="125" spans="1:12" x14ac:dyDescent="0.25">
      <c r="A125" s="3" t="s">
        <v>245</v>
      </c>
      <c r="B125" s="5" t="s">
        <v>494</v>
      </c>
      <c r="C125" s="11">
        <v>35861800</v>
      </c>
      <c r="D125" s="11">
        <v>38812683</v>
      </c>
      <c r="E125" s="11">
        <v>10456515.15</v>
      </c>
      <c r="F125" s="11">
        <v>10456515.15</v>
      </c>
      <c r="G125" s="11">
        <v>0.17</v>
      </c>
      <c r="H125" s="11">
        <v>28356167.850000001</v>
      </c>
      <c r="I125" s="11">
        <v>4185914.02</v>
      </c>
      <c r="J125" s="11">
        <v>4185914.02</v>
      </c>
      <c r="K125" s="11">
        <v>0.15</v>
      </c>
      <c r="L125" s="11">
        <v>34626768.979999997</v>
      </c>
    </row>
    <row r="126" spans="1:12" x14ac:dyDescent="0.25">
      <c r="A126" s="2" t="s">
        <v>247</v>
      </c>
      <c r="B126" s="4" t="s">
        <v>495</v>
      </c>
      <c r="C126" s="12">
        <v>13335500</v>
      </c>
      <c r="D126" s="12">
        <v>13829010</v>
      </c>
      <c r="E126" s="12">
        <v>1631052.1</v>
      </c>
      <c r="F126" s="12">
        <v>1631052.1</v>
      </c>
      <c r="G126" s="12">
        <v>0.03</v>
      </c>
      <c r="H126" s="12">
        <v>12197957.9</v>
      </c>
      <c r="I126" s="12">
        <v>1347118.28</v>
      </c>
      <c r="J126" s="12">
        <v>1347118.28</v>
      </c>
      <c r="K126" s="12">
        <v>0.05</v>
      </c>
      <c r="L126" s="12">
        <v>12481891.720000001</v>
      </c>
    </row>
    <row r="127" spans="1:12" x14ac:dyDescent="0.25">
      <c r="A127" s="2" t="s">
        <v>249</v>
      </c>
      <c r="B127" s="4" t="s">
        <v>496</v>
      </c>
      <c r="C127" s="12">
        <v>500300</v>
      </c>
      <c r="D127" s="12">
        <v>500300</v>
      </c>
      <c r="E127" s="12">
        <v>0</v>
      </c>
      <c r="F127" s="12">
        <v>0</v>
      </c>
      <c r="G127" s="12">
        <v>0</v>
      </c>
      <c r="H127" s="12">
        <v>500300</v>
      </c>
      <c r="I127" s="12">
        <v>0</v>
      </c>
      <c r="J127" s="12">
        <v>0</v>
      </c>
      <c r="K127" s="12">
        <v>0</v>
      </c>
      <c r="L127" s="12">
        <v>500300</v>
      </c>
    </row>
    <row r="128" spans="1:12" x14ac:dyDescent="0.25">
      <c r="A128" s="2" t="s">
        <v>251</v>
      </c>
      <c r="B128" s="4" t="s">
        <v>497</v>
      </c>
      <c r="C128" s="12">
        <v>10532100</v>
      </c>
      <c r="D128" s="12">
        <v>10532100</v>
      </c>
      <c r="E128" s="12">
        <v>5008810.58</v>
      </c>
      <c r="F128" s="12">
        <v>5008810.58</v>
      </c>
      <c r="G128" s="12">
        <v>0.08</v>
      </c>
      <c r="H128" s="12">
        <v>5523289.4199999999</v>
      </c>
      <c r="I128" s="12">
        <v>1144477.79</v>
      </c>
      <c r="J128" s="12">
        <v>1144477.79</v>
      </c>
      <c r="K128" s="12">
        <v>0.04</v>
      </c>
      <c r="L128" s="12">
        <v>9387622.2100000009</v>
      </c>
    </row>
    <row r="129" spans="1:12" x14ac:dyDescent="0.25">
      <c r="A129" s="2" t="s">
        <v>253</v>
      </c>
      <c r="B129" s="4" t="s">
        <v>498</v>
      </c>
      <c r="C129" s="12">
        <v>11493900</v>
      </c>
      <c r="D129" s="12">
        <v>13951273</v>
      </c>
      <c r="E129" s="12">
        <v>3816652.47</v>
      </c>
      <c r="F129" s="12">
        <v>3816652.47</v>
      </c>
      <c r="G129" s="12">
        <v>0.06</v>
      </c>
      <c r="H129" s="12">
        <v>10134620.529999999</v>
      </c>
      <c r="I129" s="12">
        <v>1694317.95</v>
      </c>
      <c r="J129" s="12">
        <v>1694317.95</v>
      </c>
      <c r="K129" s="12">
        <v>0.06</v>
      </c>
      <c r="L129" s="12">
        <v>12256955.050000001</v>
      </c>
    </row>
    <row r="130" spans="1:12" x14ac:dyDescent="0.25">
      <c r="A130" s="3" t="s">
        <v>255</v>
      </c>
      <c r="B130" s="5" t="s">
        <v>499</v>
      </c>
      <c r="C130" s="11">
        <v>1700</v>
      </c>
      <c r="D130" s="11">
        <v>1700</v>
      </c>
      <c r="E130" s="11">
        <v>0</v>
      </c>
      <c r="F130" s="11">
        <v>0</v>
      </c>
      <c r="G130" s="11">
        <v>0</v>
      </c>
      <c r="H130" s="11">
        <v>1700</v>
      </c>
      <c r="I130" s="11">
        <v>0</v>
      </c>
      <c r="J130" s="11">
        <v>0</v>
      </c>
      <c r="K130" s="11">
        <v>0</v>
      </c>
      <c r="L130" s="11">
        <v>1700</v>
      </c>
    </row>
    <row r="131" spans="1:12" x14ac:dyDescent="0.25">
      <c r="A131" s="2" t="s">
        <v>257</v>
      </c>
      <c r="B131" s="4" t="s">
        <v>500</v>
      </c>
      <c r="C131" s="12">
        <v>1700</v>
      </c>
      <c r="D131" s="12">
        <v>1700</v>
      </c>
      <c r="E131" s="12">
        <v>0</v>
      </c>
      <c r="F131" s="12">
        <v>0</v>
      </c>
      <c r="G131" s="12">
        <v>0</v>
      </c>
      <c r="H131" s="12">
        <v>1700</v>
      </c>
      <c r="I131" s="12">
        <v>0</v>
      </c>
      <c r="J131" s="12">
        <v>0</v>
      </c>
      <c r="K131" s="12">
        <v>0</v>
      </c>
      <c r="L131" s="12">
        <v>1700</v>
      </c>
    </row>
    <row r="132" spans="1:12" x14ac:dyDescent="0.25">
      <c r="A132" s="3" t="s">
        <v>259</v>
      </c>
      <c r="B132" s="5" t="s">
        <v>501</v>
      </c>
      <c r="C132" s="11">
        <v>22000</v>
      </c>
      <c r="D132" s="11">
        <v>22524300</v>
      </c>
      <c r="E132" s="11">
        <v>140900.28</v>
      </c>
      <c r="F132" s="11">
        <v>140900.28</v>
      </c>
      <c r="G132" s="11">
        <v>0</v>
      </c>
      <c r="H132" s="11">
        <v>22383399.719999999</v>
      </c>
      <c r="I132" s="11">
        <v>0</v>
      </c>
      <c r="J132" s="11">
        <v>0</v>
      </c>
      <c r="K132" s="11">
        <v>0</v>
      </c>
      <c r="L132" s="11">
        <v>22524300</v>
      </c>
    </row>
    <row r="133" spans="1:12" x14ac:dyDescent="0.25">
      <c r="A133" s="2" t="s">
        <v>261</v>
      </c>
      <c r="B133" s="4" t="s">
        <v>502</v>
      </c>
      <c r="C133" s="12">
        <v>1000</v>
      </c>
      <c r="D133" s="12">
        <v>1000</v>
      </c>
      <c r="E133" s="12">
        <v>0</v>
      </c>
      <c r="F133" s="12">
        <v>0</v>
      </c>
      <c r="G133" s="12">
        <v>0</v>
      </c>
      <c r="H133" s="12">
        <v>1000</v>
      </c>
      <c r="I133" s="12">
        <v>0</v>
      </c>
      <c r="J133" s="12">
        <v>0</v>
      </c>
      <c r="K133" s="12">
        <v>0</v>
      </c>
      <c r="L133" s="12">
        <v>1000</v>
      </c>
    </row>
    <row r="134" spans="1:12" x14ac:dyDescent="0.25">
      <c r="A134" s="2" t="s">
        <v>263</v>
      </c>
      <c r="B134" s="4" t="s">
        <v>503</v>
      </c>
      <c r="C134" s="12">
        <v>21000</v>
      </c>
      <c r="D134" s="12">
        <v>22523300</v>
      </c>
      <c r="E134" s="12">
        <v>140900.28</v>
      </c>
      <c r="F134" s="12">
        <v>140900.28</v>
      </c>
      <c r="G134" s="12">
        <v>0</v>
      </c>
      <c r="H134" s="12">
        <v>22382399.719999999</v>
      </c>
      <c r="I134" s="12">
        <v>0</v>
      </c>
      <c r="J134" s="12">
        <v>0</v>
      </c>
      <c r="K134" s="12">
        <v>0</v>
      </c>
      <c r="L134" s="12">
        <v>22523300</v>
      </c>
    </row>
    <row r="135" spans="1:12" x14ac:dyDescent="0.25">
      <c r="A135" s="3" t="s">
        <v>265</v>
      </c>
      <c r="B135" s="5" t="s">
        <v>504</v>
      </c>
      <c r="C135" s="11">
        <v>1351156000</v>
      </c>
      <c r="D135" s="11">
        <v>1892397800</v>
      </c>
      <c r="E135" s="11">
        <v>1096806054.5599999</v>
      </c>
      <c r="F135" s="11">
        <v>1096806054.5599999</v>
      </c>
      <c r="G135" s="11">
        <v>17.32</v>
      </c>
      <c r="H135" s="11">
        <v>795591745.44000006</v>
      </c>
      <c r="I135" s="11">
        <v>204315575.44999999</v>
      </c>
      <c r="J135" s="11">
        <v>204315575.44999999</v>
      </c>
      <c r="K135" s="11">
        <v>7.62</v>
      </c>
      <c r="L135" s="11">
        <v>1688082224.55</v>
      </c>
    </row>
    <row r="136" spans="1:12" x14ac:dyDescent="0.25">
      <c r="A136" s="2" t="s">
        <v>267</v>
      </c>
      <c r="B136" s="4" t="s">
        <v>424</v>
      </c>
      <c r="C136" s="12">
        <v>100192300</v>
      </c>
      <c r="D136" s="12">
        <v>117680200</v>
      </c>
      <c r="E136" s="12">
        <v>20445840.510000002</v>
      </c>
      <c r="F136" s="12">
        <v>20445840.510000002</v>
      </c>
      <c r="G136" s="12">
        <v>0.32</v>
      </c>
      <c r="H136" s="12">
        <v>97234359.489999995</v>
      </c>
      <c r="I136" s="12">
        <v>11178051.23</v>
      </c>
      <c r="J136" s="12">
        <v>11178051.23</v>
      </c>
      <c r="K136" s="12">
        <v>0.42</v>
      </c>
      <c r="L136" s="12">
        <v>106502148.77</v>
      </c>
    </row>
    <row r="137" spans="1:12" x14ac:dyDescent="0.25">
      <c r="A137" s="2" t="s">
        <v>269</v>
      </c>
      <c r="B137" s="4" t="s">
        <v>505</v>
      </c>
      <c r="C137" s="12">
        <v>3000</v>
      </c>
      <c r="D137" s="12">
        <v>7882100</v>
      </c>
      <c r="E137" s="12">
        <v>303973.95</v>
      </c>
      <c r="F137" s="12">
        <v>303973.95</v>
      </c>
      <c r="G137" s="12">
        <v>0</v>
      </c>
      <c r="H137" s="12">
        <v>7578126.0499999998</v>
      </c>
      <c r="I137" s="12">
        <v>251373.08</v>
      </c>
      <c r="J137" s="12">
        <v>251373.08</v>
      </c>
      <c r="K137" s="12">
        <v>0.01</v>
      </c>
      <c r="L137" s="12">
        <v>7630726.9199999999</v>
      </c>
    </row>
    <row r="138" spans="1:12" x14ac:dyDescent="0.25">
      <c r="A138" s="2" t="s">
        <v>271</v>
      </c>
      <c r="B138" s="4" t="s">
        <v>506</v>
      </c>
      <c r="C138" s="12">
        <v>1250958600</v>
      </c>
      <c r="D138" s="12">
        <v>1766833400</v>
      </c>
      <c r="E138" s="12">
        <v>1076056240.0999999</v>
      </c>
      <c r="F138" s="12">
        <v>1076056240.0999999</v>
      </c>
      <c r="G138" s="12">
        <v>17</v>
      </c>
      <c r="H138" s="12">
        <v>690777159.89999998</v>
      </c>
      <c r="I138" s="12">
        <v>192886151.13999999</v>
      </c>
      <c r="J138" s="12">
        <v>192886151.13999999</v>
      </c>
      <c r="K138" s="12">
        <v>7.19</v>
      </c>
      <c r="L138" s="12">
        <v>1573947248.8599999</v>
      </c>
    </row>
    <row r="139" spans="1:12" x14ac:dyDescent="0.25">
      <c r="A139" s="2" t="s">
        <v>273</v>
      </c>
      <c r="B139" s="4" t="s">
        <v>507</v>
      </c>
      <c r="C139" s="12">
        <v>1100</v>
      </c>
      <c r="D139" s="12">
        <v>1100</v>
      </c>
      <c r="E139" s="12">
        <v>0</v>
      </c>
      <c r="F139" s="12">
        <v>0</v>
      </c>
      <c r="G139" s="12">
        <v>0</v>
      </c>
      <c r="H139" s="12">
        <v>1100</v>
      </c>
      <c r="I139" s="12">
        <v>0</v>
      </c>
      <c r="J139" s="12">
        <v>0</v>
      </c>
      <c r="K139" s="12">
        <v>0</v>
      </c>
      <c r="L139" s="12">
        <v>1100</v>
      </c>
    </row>
    <row r="140" spans="1:12" x14ac:dyDescent="0.25">
      <c r="A140" s="2" t="s">
        <v>275</v>
      </c>
      <c r="B140" s="4" t="s">
        <v>508</v>
      </c>
      <c r="C140" s="12">
        <v>1000</v>
      </c>
      <c r="D140" s="12">
        <v>1000</v>
      </c>
      <c r="E140" s="12">
        <v>0</v>
      </c>
      <c r="F140" s="12">
        <v>0</v>
      </c>
      <c r="G140" s="12">
        <v>0</v>
      </c>
      <c r="H140" s="12">
        <v>1000</v>
      </c>
      <c r="I140" s="12">
        <v>0</v>
      </c>
      <c r="J140" s="12">
        <v>0</v>
      </c>
      <c r="K140" s="12">
        <v>0</v>
      </c>
      <c r="L140" s="12">
        <v>1000</v>
      </c>
    </row>
    <row r="141" spans="1:12" x14ac:dyDescent="0.25">
      <c r="A141" s="3" t="s">
        <v>277</v>
      </c>
      <c r="B141" s="5" t="s">
        <v>509</v>
      </c>
      <c r="C141" s="11">
        <v>35073700</v>
      </c>
      <c r="D141" s="11">
        <v>114905995</v>
      </c>
      <c r="E141" s="11">
        <v>12709929.82</v>
      </c>
      <c r="F141" s="11">
        <v>12709929.82</v>
      </c>
      <c r="G141" s="11">
        <v>0.19</v>
      </c>
      <c r="H141" s="11">
        <v>102196065.18000001</v>
      </c>
      <c r="I141" s="11">
        <v>4408740.12</v>
      </c>
      <c r="J141" s="11">
        <v>4408740.12</v>
      </c>
      <c r="K141" s="11">
        <v>0.17</v>
      </c>
      <c r="L141" s="11">
        <v>110497254.88</v>
      </c>
    </row>
    <row r="142" spans="1:12" x14ac:dyDescent="0.25">
      <c r="A142" s="2" t="s">
        <v>279</v>
      </c>
      <c r="B142" s="4" t="s">
        <v>424</v>
      </c>
      <c r="C142" s="12">
        <v>3686000</v>
      </c>
      <c r="D142" s="12">
        <v>47382430</v>
      </c>
      <c r="E142" s="12">
        <v>5932772.7199999997</v>
      </c>
      <c r="F142" s="12">
        <v>5932772.7199999997</v>
      </c>
      <c r="G142" s="12">
        <v>0.09</v>
      </c>
      <c r="H142" s="12">
        <v>41449657.280000001</v>
      </c>
      <c r="I142" s="12">
        <v>246951.59</v>
      </c>
      <c r="J142" s="12">
        <v>246951.59</v>
      </c>
      <c r="K142" s="12">
        <v>0.01</v>
      </c>
      <c r="L142" s="12">
        <v>47135478.409999996</v>
      </c>
    </row>
    <row r="143" spans="1:12" x14ac:dyDescent="0.25">
      <c r="A143" s="2" t="s">
        <v>281</v>
      </c>
      <c r="B143" s="4" t="s">
        <v>510</v>
      </c>
      <c r="C143" s="12">
        <v>25965200</v>
      </c>
      <c r="D143" s="12">
        <v>62165200</v>
      </c>
      <c r="E143" s="12">
        <v>5886696.1399999997</v>
      </c>
      <c r="F143" s="12">
        <v>5886696.1399999997</v>
      </c>
      <c r="G143" s="12">
        <v>0.09</v>
      </c>
      <c r="H143" s="12">
        <v>56278503.859999999</v>
      </c>
      <c r="I143" s="12">
        <v>3374130.01</v>
      </c>
      <c r="J143" s="12">
        <v>3374130.01</v>
      </c>
      <c r="K143" s="12">
        <v>0.13</v>
      </c>
      <c r="L143" s="12">
        <v>58791069.990000002</v>
      </c>
    </row>
    <row r="144" spans="1:12" x14ac:dyDescent="0.25">
      <c r="A144" s="2" t="s">
        <v>283</v>
      </c>
      <c r="B144" s="4" t="s">
        <v>511</v>
      </c>
      <c r="C144" s="12">
        <v>5422500</v>
      </c>
      <c r="D144" s="12">
        <v>5358365</v>
      </c>
      <c r="E144" s="12">
        <v>890460.96</v>
      </c>
      <c r="F144" s="12">
        <v>890460.96</v>
      </c>
      <c r="G144" s="12">
        <v>0.01</v>
      </c>
      <c r="H144" s="12">
        <v>4467904.04</v>
      </c>
      <c r="I144" s="12">
        <v>787658.52</v>
      </c>
      <c r="J144" s="12">
        <v>787658.52</v>
      </c>
      <c r="K144" s="12">
        <v>0.03</v>
      </c>
      <c r="L144" s="12">
        <v>4570706.4800000004</v>
      </c>
    </row>
    <row r="145" spans="1:12" x14ac:dyDescent="0.25">
      <c r="A145" s="3" t="s">
        <v>285</v>
      </c>
      <c r="B145" s="5" t="s">
        <v>512</v>
      </c>
      <c r="C145" s="11">
        <v>802243700</v>
      </c>
      <c r="D145" s="11">
        <v>783507497</v>
      </c>
      <c r="E145" s="11">
        <v>616528861.91999996</v>
      </c>
      <c r="F145" s="11">
        <v>616528861.91999996</v>
      </c>
      <c r="G145" s="11">
        <v>9.74</v>
      </c>
      <c r="H145" s="11">
        <v>166978635.08000001</v>
      </c>
      <c r="I145" s="11">
        <v>139749936.25</v>
      </c>
      <c r="J145" s="11">
        <v>139749936.25</v>
      </c>
      <c r="K145" s="11">
        <v>5.22</v>
      </c>
      <c r="L145" s="11">
        <v>643757560.75</v>
      </c>
    </row>
    <row r="146" spans="1:12" x14ac:dyDescent="0.25">
      <c r="A146" s="2" t="s">
        <v>287</v>
      </c>
      <c r="B146" s="4" t="s">
        <v>513</v>
      </c>
      <c r="C146" s="12">
        <v>366992300</v>
      </c>
      <c r="D146" s="12">
        <v>250286097</v>
      </c>
      <c r="E146" s="12">
        <v>101486000</v>
      </c>
      <c r="F146" s="12">
        <v>101486000</v>
      </c>
      <c r="G146" s="12">
        <v>1.6</v>
      </c>
      <c r="H146" s="12">
        <v>148800097</v>
      </c>
      <c r="I146" s="12">
        <v>65366524.439999998</v>
      </c>
      <c r="J146" s="12">
        <v>65366524.439999998</v>
      </c>
      <c r="K146" s="12">
        <v>2.44</v>
      </c>
      <c r="L146" s="12">
        <v>184919572.56</v>
      </c>
    </row>
    <row r="147" spans="1:12" x14ac:dyDescent="0.25">
      <c r="A147" s="2" t="s">
        <v>289</v>
      </c>
      <c r="B147" s="4" t="s">
        <v>448</v>
      </c>
      <c r="C147" s="12">
        <v>104807300</v>
      </c>
      <c r="D147" s="12">
        <v>164807300</v>
      </c>
      <c r="E147" s="12">
        <v>159309968</v>
      </c>
      <c r="F147" s="12">
        <v>159309968</v>
      </c>
      <c r="G147" s="12">
        <v>2.52</v>
      </c>
      <c r="H147" s="12">
        <v>5497332</v>
      </c>
      <c r="I147" s="12">
        <v>28852623.640000001</v>
      </c>
      <c r="J147" s="12">
        <v>28852623.640000001</v>
      </c>
      <c r="K147" s="12">
        <v>1.08</v>
      </c>
      <c r="L147" s="12">
        <v>135954676.36000001</v>
      </c>
    </row>
    <row r="148" spans="1:12" x14ac:dyDescent="0.25">
      <c r="A148" s="2" t="s">
        <v>291</v>
      </c>
      <c r="B148" s="4" t="s">
        <v>514</v>
      </c>
      <c r="C148" s="12">
        <v>187803100</v>
      </c>
      <c r="D148" s="12">
        <v>187803100</v>
      </c>
      <c r="E148" s="12">
        <v>187803100</v>
      </c>
      <c r="F148" s="12">
        <v>187803100</v>
      </c>
      <c r="G148" s="12">
        <v>2.97</v>
      </c>
      <c r="H148" s="12">
        <v>0</v>
      </c>
      <c r="I148" s="12">
        <v>825714.69</v>
      </c>
      <c r="J148" s="12">
        <v>825714.69</v>
      </c>
      <c r="K148" s="12">
        <v>0.03</v>
      </c>
      <c r="L148" s="12">
        <v>186977385.31</v>
      </c>
    </row>
    <row r="149" spans="1:12" x14ac:dyDescent="0.25">
      <c r="A149" s="2" t="s">
        <v>293</v>
      </c>
      <c r="B149" s="4" t="s">
        <v>515</v>
      </c>
      <c r="C149" s="12">
        <v>33542900</v>
      </c>
      <c r="D149" s="12">
        <v>33542900</v>
      </c>
      <c r="E149" s="12">
        <v>33120000</v>
      </c>
      <c r="F149" s="12">
        <v>33120000</v>
      </c>
      <c r="G149" s="12">
        <v>0.52</v>
      </c>
      <c r="H149" s="12">
        <v>422900</v>
      </c>
      <c r="I149" s="12">
        <v>5541772.0199999996</v>
      </c>
      <c r="J149" s="12">
        <v>5541772.0199999996</v>
      </c>
      <c r="K149" s="12">
        <v>0.21</v>
      </c>
      <c r="L149" s="12">
        <v>28001127.98</v>
      </c>
    </row>
    <row r="150" spans="1:12" x14ac:dyDescent="0.25">
      <c r="A150" s="2" t="s">
        <v>295</v>
      </c>
      <c r="B150" s="4" t="s">
        <v>421</v>
      </c>
      <c r="C150" s="12">
        <v>109098100</v>
      </c>
      <c r="D150" s="12">
        <v>147068100</v>
      </c>
      <c r="E150" s="12">
        <v>134809793.91999999</v>
      </c>
      <c r="F150" s="12">
        <v>134809793.91999999</v>
      </c>
      <c r="G150" s="12">
        <v>2.13</v>
      </c>
      <c r="H150" s="12">
        <v>12258306.08</v>
      </c>
      <c r="I150" s="12">
        <v>39163301.460000001</v>
      </c>
      <c r="J150" s="12">
        <v>39163301.460000001</v>
      </c>
      <c r="K150" s="12">
        <v>1.46</v>
      </c>
      <c r="L150" s="12">
        <v>107904798.54000001</v>
      </c>
    </row>
    <row r="151" spans="1:12" x14ac:dyDescent="0.25">
      <c r="A151" s="3" t="s">
        <v>297</v>
      </c>
      <c r="B151" s="5" t="s">
        <v>516</v>
      </c>
      <c r="C151" s="11">
        <v>153967500</v>
      </c>
      <c r="D151" s="11">
        <v>153967500</v>
      </c>
      <c r="E151" s="11">
        <v>0</v>
      </c>
      <c r="F151" s="11">
        <v>0</v>
      </c>
      <c r="G151" s="11">
        <v>0</v>
      </c>
      <c r="H151" s="11">
        <v>153967500</v>
      </c>
      <c r="I151" s="11">
        <v>0</v>
      </c>
      <c r="J151" s="11">
        <v>0</v>
      </c>
      <c r="K151" s="11">
        <v>0</v>
      </c>
      <c r="L151" s="11">
        <v>153967500</v>
      </c>
    </row>
    <row r="152" spans="1:12" x14ac:dyDescent="0.25">
      <c r="A152" s="2" t="s">
        <v>299</v>
      </c>
      <c r="B152" s="4" t="s">
        <v>517</v>
      </c>
      <c r="C152" s="12">
        <v>153967500</v>
      </c>
      <c r="D152" s="12">
        <v>153967500</v>
      </c>
      <c r="E152" s="12">
        <v>0</v>
      </c>
      <c r="F152" s="12">
        <v>0</v>
      </c>
      <c r="G152" s="12">
        <v>0</v>
      </c>
      <c r="H152" s="12">
        <v>153967500</v>
      </c>
      <c r="I152" s="12">
        <v>0</v>
      </c>
      <c r="J152" s="12">
        <v>0</v>
      </c>
      <c r="K152" s="12">
        <v>0</v>
      </c>
      <c r="L152" s="12">
        <v>153967500</v>
      </c>
    </row>
    <row r="153" spans="1:12" x14ac:dyDescent="0.25">
      <c r="A153" s="3" t="s">
        <v>301</v>
      </c>
      <c r="B153" s="5" t="s">
        <v>518</v>
      </c>
      <c r="C153" s="11">
        <v>1852116800</v>
      </c>
      <c r="D153" s="11">
        <v>1427745098.3900001</v>
      </c>
      <c r="E153" s="11">
        <v>594136355.01999998</v>
      </c>
      <c r="F153" s="11">
        <v>594136355.01999998</v>
      </c>
      <c r="G153" s="11">
        <v>9.3800000000000008</v>
      </c>
      <c r="H153" s="11">
        <v>833608743.37</v>
      </c>
      <c r="I153" s="11">
        <v>364314318.13</v>
      </c>
      <c r="J153" s="11">
        <v>364314318.13</v>
      </c>
      <c r="K153" s="11">
        <v>13.57</v>
      </c>
      <c r="L153" s="11">
        <v>1063430780.26</v>
      </c>
    </row>
    <row r="154" spans="1:12" x14ac:dyDescent="0.25">
      <c r="A154" s="3" t="s">
        <v>303</v>
      </c>
      <c r="B154" s="5" t="s">
        <v>418</v>
      </c>
      <c r="C154" s="11">
        <v>117100000</v>
      </c>
      <c r="D154" s="11">
        <v>115600000</v>
      </c>
      <c r="E154" s="11">
        <v>17297437.710000001</v>
      </c>
      <c r="F154" s="11">
        <v>17297437.710000001</v>
      </c>
      <c r="G154" s="11">
        <v>0.27</v>
      </c>
      <c r="H154" s="11">
        <v>98302562.290000007</v>
      </c>
      <c r="I154" s="11">
        <v>17297437.710000001</v>
      </c>
      <c r="J154" s="11">
        <v>17297437.710000001</v>
      </c>
      <c r="K154" s="11">
        <v>0.64</v>
      </c>
      <c r="L154" s="11">
        <v>98302562.290000007</v>
      </c>
    </row>
    <row r="155" spans="1:12" x14ac:dyDescent="0.25">
      <c r="A155" s="2" t="s">
        <v>305</v>
      </c>
      <c r="B155" s="4" t="s">
        <v>419</v>
      </c>
      <c r="C155" s="12">
        <v>57100000</v>
      </c>
      <c r="D155" s="12">
        <v>55600000</v>
      </c>
      <c r="E155" s="12">
        <v>7852209.4400000004</v>
      </c>
      <c r="F155" s="12">
        <v>7852209.4400000004</v>
      </c>
      <c r="G155" s="12">
        <v>0.12</v>
      </c>
      <c r="H155" s="12">
        <v>47747790.560000002</v>
      </c>
      <c r="I155" s="12">
        <v>7852209.4400000004</v>
      </c>
      <c r="J155" s="12">
        <v>7852209.4400000004</v>
      </c>
      <c r="K155" s="12">
        <v>0.28999999999999998</v>
      </c>
      <c r="L155" s="12">
        <v>47747790.560000002</v>
      </c>
    </row>
    <row r="156" spans="1:12" x14ac:dyDescent="0.25">
      <c r="A156" s="2" t="s">
        <v>307</v>
      </c>
      <c r="B156" s="4" t="s">
        <v>420</v>
      </c>
      <c r="C156" s="12">
        <v>60000000</v>
      </c>
      <c r="D156" s="12">
        <v>60000000</v>
      </c>
      <c r="E156" s="12">
        <v>9445228.2699999996</v>
      </c>
      <c r="F156" s="12">
        <v>9445228.2699999996</v>
      </c>
      <c r="G156" s="12">
        <v>0.15</v>
      </c>
      <c r="H156" s="12">
        <v>50554771.729999997</v>
      </c>
      <c r="I156" s="12">
        <v>9445228.2699999996</v>
      </c>
      <c r="J156" s="12">
        <v>9445228.2699999996</v>
      </c>
      <c r="K156" s="12">
        <v>0.35</v>
      </c>
      <c r="L156" s="12">
        <v>50554771.729999997</v>
      </c>
    </row>
    <row r="157" spans="1:12" x14ac:dyDescent="0.25">
      <c r="A157" s="3" t="s">
        <v>309</v>
      </c>
      <c r="B157" s="5" t="s">
        <v>422</v>
      </c>
      <c r="C157" s="11">
        <v>204763000</v>
      </c>
      <c r="D157" s="11">
        <v>190663000</v>
      </c>
      <c r="E157" s="11">
        <v>188500000</v>
      </c>
      <c r="F157" s="11">
        <v>188500000</v>
      </c>
      <c r="G157" s="11">
        <v>2.98</v>
      </c>
      <c r="H157" s="11">
        <v>2163000</v>
      </c>
      <c r="I157" s="11">
        <v>28973705.280000001</v>
      </c>
      <c r="J157" s="11">
        <v>28973705.280000001</v>
      </c>
      <c r="K157" s="11">
        <v>1.08</v>
      </c>
      <c r="L157" s="11">
        <v>161689294.72</v>
      </c>
    </row>
    <row r="158" spans="1:12" x14ac:dyDescent="0.25">
      <c r="A158" s="2" t="s">
        <v>311</v>
      </c>
      <c r="B158" s="4" t="s">
        <v>423</v>
      </c>
      <c r="C158" s="12">
        <v>204763000</v>
      </c>
      <c r="D158" s="12">
        <v>190663000</v>
      </c>
      <c r="E158" s="12">
        <v>188500000</v>
      </c>
      <c r="F158" s="12">
        <v>188500000</v>
      </c>
      <c r="G158" s="12">
        <v>2.98</v>
      </c>
      <c r="H158" s="12">
        <v>2163000</v>
      </c>
      <c r="I158" s="12">
        <v>28973705.280000001</v>
      </c>
      <c r="J158" s="12">
        <v>28973705.280000001</v>
      </c>
      <c r="K158" s="12">
        <v>1.08</v>
      </c>
      <c r="L158" s="12">
        <v>161689294.72</v>
      </c>
    </row>
    <row r="159" spans="1:12" x14ac:dyDescent="0.25">
      <c r="A159" s="2" t="s">
        <v>313</v>
      </c>
      <c r="B159" s="4" t="s">
        <v>424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  <c r="J159" s="12">
        <v>0</v>
      </c>
      <c r="K159" s="12">
        <v>0</v>
      </c>
      <c r="L159" s="12">
        <v>0</v>
      </c>
    </row>
    <row r="160" spans="1:12" x14ac:dyDescent="0.25">
      <c r="A160" s="3" t="s">
        <v>315</v>
      </c>
      <c r="B160" s="5" t="s">
        <v>428</v>
      </c>
      <c r="C160" s="11">
        <v>99623500</v>
      </c>
      <c r="D160" s="11">
        <v>99623500</v>
      </c>
      <c r="E160" s="11">
        <v>25759603.850000001</v>
      </c>
      <c r="F160" s="11">
        <v>25759603.850000001</v>
      </c>
      <c r="G160" s="11">
        <v>0.41</v>
      </c>
      <c r="H160" s="11">
        <v>73863896.150000006</v>
      </c>
      <c r="I160" s="11">
        <v>14464071.85</v>
      </c>
      <c r="J160" s="11">
        <v>14464071.85</v>
      </c>
      <c r="K160" s="11">
        <v>0.54</v>
      </c>
      <c r="L160" s="11">
        <v>85159428.150000006</v>
      </c>
    </row>
    <row r="161" spans="1:12" x14ac:dyDescent="0.25">
      <c r="A161" s="2" t="s">
        <v>317</v>
      </c>
      <c r="B161" s="4" t="s">
        <v>429</v>
      </c>
      <c r="C161" s="12">
        <v>54139200</v>
      </c>
      <c r="D161" s="12">
        <v>54139200</v>
      </c>
      <c r="E161" s="12">
        <v>7567117</v>
      </c>
      <c r="F161" s="12">
        <v>7567117</v>
      </c>
      <c r="G161" s="12">
        <v>0.12</v>
      </c>
      <c r="H161" s="12">
        <v>46572083</v>
      </c>
      <c r="I161" s="12">
        <v>7567117</v>
      </c>
      <c r="J161" s="12">
        <v>7567117</v>
      </c>
      <c r="K161" s="12">
        <v>0.28000000000000003</v>
      </c>
      <c r="L161" s="12">
        <v>46572083</v>
      </c>
    </row>
    <row r="162" spans="1:12" x14ac:dyDescent="0.25">
      <c r="A162" s="2" t="s">
        <v>319</v>
      </c>
      <c r="B162" s="4" t="s">
        <v>430</v>
      </c>
      <c r="C162" s="12">
        <v>16334300</v>
      </c>
      <c r="D162" s="12">
        <v>16334300</v>
      </c>
      <c r="E162" s="12">
        <v>3617486.85</v>
      </c>
      <c r="F162" s="12">
        <v>3617486.85</v>
      </c>
      <c r="G162" s="12">
        <v>0.06</v>
      </c>
      <c r="H162" s="12">
        <v>12716813.15</v>
      </c>
      <c r="I162" s="12">
        <v>2326115.7200000002</v>
      </c>
      <c r="J162" s="12">
        <v>2326115.7200000002</v>
      </c>
      <c r="K162" s="12">
        <v>0.09</v>
      </c>
      <c r="L162" s="12">
        <v>14008184.279999999</v>
      </c>
    </row>
    <row r="163" spans="1:12" x14ac:dyDescent="0.25">
      <c r="A163" s="2" t="s">
        <v>321</v>
      </c>
      <c r="B163" s="4" t="s">
        <v>431</v>
      </c>
      <c r="C163" s="12">
        <v>29150000</v>
      </c>
      <c r="D163" s="12">
        <v>29150000</v>
      </c>
      <c r="E163" s="12">
        <v>14575000</v>
      </c>
      <c r="F163" s="12">
        <v>14575000</v>
      </c>
      <c r="G163" s="12">
        <v>0.23</v>
      </c>
      <c r="H163" s="12">
        <v>14575000</v>
      </c>
      <c r="I163" s="12">
        <v>4570839.13</v>
      </c>
      <c r="J163" s="12">
        <v>4570839.13</v>
      </c>
      <c r="K163" s="12">
        <v>0.17</v>
      </c>
      <c r="L163" s="12">
        <v>24579160.870000001</v>
      </c>
    </row>
    <row r="164" spans="1:12" x14ac:dyDescent="0.25">
      <c r="A164" s="3" t="s">
        <v>323</v>
      </c>
      <c r="B164" s="5" t="s">
        <v>432</v>
      </c>
      <c r="C164" s="11">
        <v>321157600</v>
      </c>
      <c r="D164" s="11">
        <v>321116100</v>
      </c>
      <c r="E164" s="11">
        <v>69604729.560000002</v>
      </c>
      <c r="F164" s="11">
        <v>69604729.560000002</v>
      </c>
      <c r="G164" s="11">
        <v>1.1000000000000001</v>
      </c>
      <c r="H164" s="11">
        <v>251511370.44</v>
      </c>
      <c r="I164" s="11">
        <v>64659007.689999998</v>
      </c>
      <c r="J164" s="11">
        <v>64659007.689999998</v>
      </c>
      <c r="K164" s="11">
        <v>2.41</v>
      </c>
      <c r="L164" s="11">
        <v>256457092.31</v>
      </c>
    </row>
    <row r="165" spans="1:12" x14ac:dyDescent="0.25">
      <c r="A165" s="2" t="s">
        <v>325</v>
      </c>
      <c r="B165" s="4" t="s">
        <v>424</v>
      </c>
      <c r="C165" s="12">
        <v>317915700</v>
      </c>
      <c r="D165" s="12">
        <v>317839200</v>
      </c>
      <c r="E165" s="12">
        <v>69014453.370000005</v>
      </c>
      <c r="F165" s="12">
        <v>69014453.370000005</v>
      </c>
      <c r="G165" s="12">
        <v>1.0900000000000001</v>
      </c>
      <c r="H165" s="12">
        <v>248824746.63</v>
      </c>
      <c r="I165" s="12">
        <v>64068886.07</v>
      </c>
      <c r="J165" s="12">
        <v>64068886.07</v>
      </c>
      <c r="K165" s="12">
        <v>2.39</v>
      </c>
      <c r="L165" s="12">
        <v>253770313.93000001</v>
      </c>
    </row>
    <row r="166" spans="1:12" x14ac:dyDescent="0.25">
      <c r="A166" s="2" t="s">
        <v>327</v>
      </c>
      <c r="B166" s="4" t="s">
        <v>433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  <c r="J166" s="12">
        <v>0</v>
      </c>
      <c r="K166" s="12">
        <v>0</v>
      </c>
      <c r="L166" s="12">
        <v>0</v>
      </c>
    </row>
    <row r="167" spans="1:12" x14ac:dyDescent="0.25">
      <c r="A167" s="2" t="s">
        <v>329</v>
      </c>
      <c r="B167" s="4" t="s">
        <v>434</v>
      </c>
      <c r="C167" s="12">
        <v>3241900</v>
      </c>
      <c r="D167" s="12">
        <v>3241900</v>
      </c>
      <c r="E167" s="12">
        <v>578726.18999999994</v>
      </c>
      <c r="F167" s="12">
        <v>578726.18999999994</v>
      </c>
      <c r="G167" s="12">
        <v>0.01</v>
      </c>
      <c r="H167" s="12">
        <v>2663173.81</v>
      </c>
      <c r="I167" s="12">
        <v>578726.18999999994</v>
      </c>
      <c r="J167" s="12">
        <v>578726.18999999994</v>
      </c>
      <c r="K167" s="12">
        <v>0.02</v>
      </c>
      <c r="L167" s="12">
        <v>2663173.81</v>
      </c>
    </row>
    <row r="168" spans="1:12" x14ac:dyDescent="0.25">
      <c r="A168" s="2" t="s">
        <v>330</v>
      </c>
      <c r="B168" s="4" t="s">
        <v>436</v>
      </c>
      <c r="C168" s="12">
        <v>0</v>
      </c>
      <c r="D168" s="12">
        <v>35000</v>
      </c>
      <c r="E168" s="12">
        <v>11550</v>
      </c>
      <c r="F168" s="12">
        <v>11550</v>
      </c>
      <c r="G168" s="12">
        <v>0</v>
      </c>
      <c r="H168" s="12">
        <v>23450</v>
      </c>
      <c r="I168" s="12">
        <v>11395.43</v>
      </c>
      <c r="J168" s="12">
        <v>11395.43</v>
      </c>
      <c r="K168" s="12">
        <v>0</v>
      </c>
      <c r="L168" s="12">
        <v>23604.57</v>
      </c>
    </row>
    <row r="169" spans="1:12" x14ac:dyDescent="0.25">
      <c r="A169" s="3" t="s">
        <v>331</v>
      </c>
      <c r="B169" s="5" t="s">
        <v>438</v>
      </c>
      <c r="C169" s="11">
        <v>89403300</v>
      </c>
      <c r="D169" s="11">
        <v>248571220</v>
      </c>
      <c r="E169" s="11">
        <v>54894872.020000003</v>
      </c>
      <c r="F169" s="11">
        <v>54894872.020000003</v>
      </c>
      <c r="G169" s="11">
        <v>0.87</v>
      </c>
      <c r="H169" s="11">
        <v>193676347.97999999</v>
      </c>
      <c r="I169" s="11">
        <v>41429214.710000001</v>
      </c>
      <c r="J169" s="11">
        <v>41429214.710000001</v>
      </c>
      <c r="K169" s="11">
        <v>1.54</v>
      </c>
      <c r="L169" s="11">
        <v>207142005.28999999</v>
      </c>
    </row>
    <row r="170" spans="1:12" x14ac:dyDescent="0.25">
      <c r="A170" s="2" t="s">
        <v>332</v>
      </c>
      <c r="B170" s="4" t="s">
        <v>424</v>
      </c>
      <c r="C170" s="12">
        <v>89403300</v>
      </c>
      <c r="D170" s="12">
        <v>248571220</v>
      </c>
      <c r="E170" s="12">
        <v>54894872.020000003</v>
      </c>
      <c r="F170" s="12">
        <v>54894872.020000003</v>
      </c>
      <c r="G170" s="12">
        <v>0.87</v>
      </c>
      <c r="H170" s="12">
        <v>193676347.97999999</v>
      </c>
      <c r="I170" s="12">
        <v>41429214.710000001</v>
      </c>
      <c r="J170" s="12">
        <v>41429214.710000001</v>
      </c>
      <c r="K170" s="12">
        <v>1.54</v>
      </c>
      <c r="L170" s="12">
        <v>207142005.28999999</v>
      </c>
    </row>
    <row r="171" spans="1:12" x14ac:dyDescent="0.25">
      <c r="A171" s="2" t="s">
        <v>333</v>
      </c>
      <c r="B171" s="4" t="s">
        <v>439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  <c r="J171" s="12">
        <v>0</v>
      </c>
      <c r="K171" s="12">
        <v>0</v>
      </c>
      <c r="L171" s="12">
        <v>0</v>
      </c>
    </row>
    <row r="172" spans="1:12" x14ac:dyDescent="0.25">
      <c r="A172" s="3" t="s">
        <v>334</v>
      </c>
      <c r="B172" s="5" t="s">
        <v>443</v>
      </c>
      <c r="C172" s="11">
        <v>7994000</v>
      </c>
      <c r="D172" s="11">
        <v>7994000</v>
      </c>
      <c r="E172" s="11">
        <v>1425518.1</v>
      </c>
      <c r="F172" s="11">
        <v>1425518.1</v>
      </c>
      <c r="G172" s="11">
        <v>0.02</v>
      </c>
      <c r="H172" s="11">
        <v>6568481.9000000004</v>
      </c>
      <c r="I172" s="11">
        <v>1425518.1</v>
      </c>
      <c r="J172" s="11">
        <v>1425518.1</v>
      </c>
      <c r="K172" s="11">
        <v>0.05</v>
      </c>
      <c r="L172" s="11">
        <v>6568481.9000000004</v>
      </c>
    </row>
    <row r="173" spans="1:12" x14ac:dyDescent="0.25">
      <c r="A173" s="2" t="s">
        <v>335</v>
      </c>
      <c r="B173" s="4" t="s">
        <v>424</v>
      </c>
      <c r="C173" s="12">
        <v>7994000</v>
      </c>
      <c r="D173" s="12">
        <v>7994000</v>
      </c>
      <c r="E173" s="12">
        <v>1425518.1</v>
      </c>
      <c r="F173" s="12">
        <v>1425518.1</v>
      </c>
      <c r="G173" s="12">
        <v>0.02</v>
      </c>
      <c r="H173" s="12">
        <v>6568481.9000000004</v>
      </c>
      <c r="I173" s="12">
        <v>1425518.1</v>
      </c>
      <c r="J173" s="12">
        <v>1425518.1</v>
      </c>
      <c r="K173" s="12">
        <v>0.05</v>
      </c>
      <c r="L173" s="12">
        <v>6568481.9000000004</v>
      </c>
    </row>
    <row r="174" spans="1:12" x14ac:dyDescent="0.25">
      <c r="A174" s="2" t="s">
        <v>337</v>
      </c>
      <c r="B174" s="4" t="s">
        <v>446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  <c r="J174" s="12">
        <v>0</v>
      </c>
      <c r="K174" s="12">
        <v>0</v>
      </c>
      <c r="L174" s="12">
        <v>0</v>
      </c>
    </row>
    <row r="175" spans="1:12" x14ac:dyDescent="0.25">
      <c r="A175" s="3" t="s">
        <v>339</v>
      </c>
      <c r="B175" s="5" t="s">
        <v>449</v>
      </c>
      <c r="C175" s="11">
        <v>0</v>
      </c>
      <c r="D175" s="11">
        <v>1500000</v>
      </c>
      <c r="E175" s="11">
        <v>1500000</v>
      </c>
      <c r="F175" s="11">
        <v>1500000</v>
      </c>
      <c r="G175" s="11">
        <v>0.02</v>
      </c>
      <c r="H175" s="11">
        <v>0</v>
      </c>
      <c r="I175" s="11">
        <v>1500000</v>
      </c>
      <c r="J175" s="11">
        <v>1500000</v>
      </c>
      <c r="K175" s="11">
        <v>0.06</v>
      </c>
      <c r="L175" s="11">
        <v>0</v>
      </c>
    </row>
    <row r="176" spans="1:12" x14ac:dyDescent="0.25">
      <c r="A176" s="2" t="s">
        <v>341</v>
      </c>
      <c r="B176" s="4" t="s">
        <v>436</v>
      </c>
      <c r="C176" s="12">
        <v>0</v>
      </c>
      <c r="D176" s="12">
        <v>1500000</v>
      </c>
      <c r="E176" s="12">
        <v>1500000</v>
      </c>
      <c r="F176" s="12">
        <v>1500000</v>
      </c>
      <c r="G176" s="12">
        <v>0.02</v>
      </c>
      <c r="H176" s="12">
        <v>0</v>
      </c>
      <c r="I176" s="12">
        <v>1500000</v>
      </c>
      <c r="J176" s="12">
        <v>1500000</v>
      </c>
      <c r="K176" s="12">
        <v>0.06</v>
      </c>
      <c r="L176" s="12">
        <v>0</v>
      </c>
    </row>
    <row r="177" spans="1:12" x14ac:dyDescent="0.25">
      <c r="A177" s="3" t="s">
        <v>343</v>
      </c>
      <c r="B177" s="5" t="s">
        <v>450</v>
      </c>
      <c r="C177" s="11">
        <v>95442200</v>
      </c>
      <c r="D177" s="11">
        <v>98204333.209999993</v>
      </c>
      <c r="E177" s="11">
        <v>18393151.829999998</v>
      </c>
      <c r="F177" s="11">
        <v>18393151.829999998</v>
      </c>
      <c r="G177" s="11">
        <v>0.28999999999999998</v>
      </c>
      <c r="H177" s="11">
        <v>79811181.379999995</v>
      </c>
      <c r="I177" s="11">
        <v>18013120.27</v>
      </c>
      <c r="J177" s="11">
        <v>18013120.27</v>
      </c>
      <c r="K177" s="11">
        <v>0.67</v>
      </c>
      <c r="L177" s="11">
        <v>80191212.939999998</v>
      </c>
    </row>
    <row r="178" spans="1:12" x14ac:dyDescent="0.25">
      <c r="A178" s="2" t="s">
        <v>345</v>
      </c>
      <c r="B178" s="4" t="s">
        <v>424</v>
      </c>
      <c r="C178" s="12">
        <v>70900000</v>
      </c>
      <c r="D178" s="12">
        <v>73161273.370000005</v>
      </c>
      <c r="E178" s="12">
        <v>9625760.7300000004</v>
      </c>
      <c r="F178" s="12">
        <v>9625760.7300000004</v>
      </c>
      <c r="G178" s="12">
        <v>0.15</v>
      </c>
      <c r="H178" s="12">
        <v>63535512.640000001</v>
      </c>
      <c r="I178" s="12">
        <v>9582166.9600000009</v>
      </c>
      <c r="J178" s="12">
        <v>9582166.9600000009</v>
      </c>
      <c r="K178" s="12">
        <v>0.36</v>
      </c>
      <c r="L178" s="12">
        <v>63579106.409999996</v>
      </c>
    </row>
    <row r="179" spans="1:12" x14ac:dyDescent="0.25">
      <c r="A179" s="2" t="s">
        <v>347</v>
      </c>
      <c r="B179" s="4" t="s">
        <v>452</v>
      </c>
      <c r="C179" s="12">
        <v>24542200</v>
      </c>
      <c r="D179" s="12">
        <v>25043059.84</v>
      </c>
      <c r="E179" s="12">
        <v>8767391.0999999996</v>
      </c>
      <c r="F179" s="12">
        <v>8767391.0999999996</v>
      </c>
      <c r="G179" s="12">
        <v>0.14000000000000001</v>
      </c>
      <c r="H179" s="12">
        <v>16275668.74</v>
      </c>
      <c r="I179" s="12">
        <v>8430953.3100000005</v>
      </c>
      <c r="J179" s="12">
        <v>8430953.3100000005</v>
      </c>
      <c r="K179" s="12">
        <v>0.31</v>
      </c>
      <c r="L179" s="12">
        <v>16612106.529999999</v>
      </c>
    </row>
    <row r="180" spans="1:12" x14ac:dyDescent="0.25">
      <c r="A180" s="3" t="s">
        <v>350</v>
      </c>
      <c r="B180" s="5" t="s">
        <v>458</v>
      </c>
      <c r="C180" s="11">
        <v>1993600</v>
      </c>
      <c r="D180" s="11">
        <v>1993600</v>
      </c>
      <c r="E180" s="11">
        <v>450279.33</v>
      </c>
      <c r="F180" s="11">
        <v>450279.33</v>
      </c>
      <c r="G180" s="11">
        <v>0.01</v>
      </c>
      <c r="H180" s="11">
        <v>1543320.67</v>
      </c>
      <c r="I180" s="11">
        <v>450279.33</v>
      </c>
      <c r="J180" s="11">
        <v>450279.33</v>
      </c>
      <c r="K180" s="11">
        <v>0.02</v>
      </c>
      <c r="L180" s="11">
        <v>1543320.67</v>
      </c>
    </row>
    <row r="181" spans="1:12" x14ac:dyDescent="0.25">
      <c r="A181" s="2" t="s">
        <v>352</v>
      </c>
      <c r="B181" s="4" t="s">
        <v>424</v>
      </c>
      <c r="C181" s="12">
        <v>1993600</v>
      </c>
      <c r="D181" s="12">
        <v>1993600</v>
      </c>
      <c r="E181" s="12">
        <v>450279.33</v>
      </c>
      <c r="F181" s="12">
        <v>450279.33</v>
      </c>
      <c r="G181" s="12">
        <v>0.01</v>
      </c>
      <c r="H181" s="12">
        <v>1543320.67</v>
      </c>
      <c r="I181" s="12">
        <v>450279.33</v>
      </c>
      <c r="J181" s="12">
        <v>450279.33</v>
      </c>
      <c r="K181" s="12">
        <v>0.02</v>
      </c>
      <c r="L181" s="12">
        <v>1543320.67</v>
      </c>
    </row>
    <row r="182" spans="1:12" x14ac:dyDescent="0.25">
      <c r="A182" s="3" t="s">
        <v>354</v>
      </c>
      <c r="B182" s="5" t="s">
        <v>461</v>
      </c>
      <c r="C182" s="11">
        <v>758025600</v>
      </c>
      <c r="D182" s="11">
        <v>184883078.81999999</v>
      </c>
      <c r="E182" s="11">
        <v>147978181.24000001</v>
      </c>
      <c r="F182" s="11">
        <v>147978181.24000001</v>
      </c>
      <c r="G182" s="11">
        <v>2.34</v>
      </c>
      <c r="H182" s="11">
        <v>36904897.579999998</v>
      </c>
      <c r="I182" s="11">
        <v>147975374.87</v>
      </c>
      <c r="J182" s="11">
        <v>147975374.87</v>
      </c>
      <c r="K182" s="11">
        <v>5.52</v>
      </c>
      <c r="L182" s="11">
        <v>36907703.950000003</v>
      </c>
    </row>
    <row r="183" spans="1:12" x14ac:dyDescent="0.25">
      <c r="A183" s="2" t="s">
        <v>356</v>
      </c>
      <c r="B183" s="4" t="s">
        <v>424</v>
      </c>
      <c r="C183" s="12">
        <v>757749900</v>
      </c>
      <c r="D183" s="12">
        <v>42822479.759999998</v>
      </c>
      <c r="E183" s="12">
        <v>6345302.2599999998</v>
      </c>
      <c r="F183" s="12">
        <v>6345302.2599999998</v>
      </c>
      <c r="G183" s="12">
        <v>0.1</v>
      </c>
      <c r="H183" s="12">
        <v>36477177.5</v>
      </c>
      <c r="I183" s="12">
        <v>6342495.8899999997</v>
      </c>
      <c r="J183" s="12">
        <v>6342495.8899999997</v>
      </c>
      <c r="K183" s="12">
        <v>0.24</v>
      </c>
      <c r="L183" s="12">
        <v>36479983.869999997</v>
      </c>
    </row>
    <row r="184" spans="1:12" x14ac:dyDescent="0.25">
      <c r="A184" s="2" t="s">
        <v>358</v>
      </c>
      <c r="B184" s="4" t="s">
        <v>463</v>
      </c>
      <c r="C184" s="12">
        <v>0</v>
      </c>
      <c r="D184" s="12">
        <v>141960599.06</v>
      </c>
      <c r="E184" s="12">
        <v>141632878.97999999</v>
      </c>
      <c r="F184" s="12">
        <v>141632878.97999999</v>
      </c>
      <c r="G184" s="12">
        <v>2.2400000000000002</v>
      </c>
      <c r="H184" s="12">
        <v>327720.08</v>
      </c>
      <c r="I184" s="12">
        <v>141632878.97999999</v>
      </c>
      <c r="J184" s="12">
        <v>141632878.97999999</v>
      </c>
      <c r="K184" s="12">
        <v>5.28</v>
      </c>
      <c r="L184" s="12">
        <v>327720.08</v>
      </c>
    </row>
    <row r="185" spans="1:12" x14ac:dyDescent="0.25">
      <c r="A185" s="2" t="s">
        <v>360</v>
      </c>
      <c r="B185" s="4" t="s">
        <v>467</v>
      </c>
      <c r="C185" s="12">
        <v>275700</v>
      </c>
      <c r="D185" s="12">
        <v>100000</v>
      </c>
      <c r="E185" s="12">
        <v>0</v>
      </c>
      <c r="F185" s="12">
        <v>0</v>
      </c>
      <c r="G185" s="12">
        <v>0</v>
      </c>
      <c r="H185" s="12">
        <v>100000</v>
      </c>
      <c r="I185" s="12">
        <v>0</v>
      </c>
      <c r="J185" s="12">
        <v>0</v>
      </c>
      <c r="K185" s="12">
        <v>0</v>
      </c>
      <c r="L185" s="12">
        <v>100000</v>
      </c>
    </row>
    <row r="186" spans="1:12" x14ac:dyDescent="0.25">
      <c r="A186" s="3" t="s">
        <v>362</v>
      </c>
      <c r="B186" s="5" t="s">
        <v>469</v>
      </c>
      <c r="C186" s="11">
        <v>1610300</v>
      </c>
      <c r="D186" s="11">
        <v>1610300</v>
      </c>
      <c r="E186" s="11">
        <v>1513267.76</v>
      </c>
      <c r="F186" s="11">
        <v>1513267.76</v>
      </c>
      <c r="G186" s="11">
        <v>0.02</v>
      </c>
      <c r="H186" s="11">
        <v>97032.24</v>
      </c>
      <c r="I186" s="11">
        <v>316783.12</v>
      </c>
      <c r="J186" s="11">
        <v>316783.12</v>
      </c>
      <c r="K186" s="11">
        <v>0.01</v>
      </c>
      <c r="L186" s="11">
        <v>1293516.8799999999</v>
      </c>
    </row>
    <row r="187" spans="1:12" x14ac:dyDescent="0.25">
      <c r="A187" s="2" t="s">
        <v>364</v>
      </c>
      <c r="B187" s="4" t="s">
        <v>424</v>
      </c>
      <c r="C187" s="12">
        <v>1610300</v>
      </c>
      <c r="D187" s="12">
        <v>1610300</v>
      </c>
      <c r="E187" s="12">
        <v>1513267.76</v>
      </c>
      <c r="F187" s="12">
        <v>1513267.76</v>
      </c>
      <c r="G187" s="12">
        <v>0.02</v>
      </c>
      <c r="H187" s="12">
        <v>97032.24</v>
      </c>
      <c r="I187" s="12">
        <v>316783.12</v>
      </c>
      <c r="J187" s="12">
        <v>316783.12</v>
      </c>
      <c r="K187" s="12">
        <v>0.01</v>
      </c>
      <c r="L187" s="12">
        <v>1293516.8799999999</v>
      </c>
    </row>
    <row r="188" spans="1:12" x14ac:dyDescent="0.25">
      <c r="A188" s="3" t="s">
        <v>366</v>
      </c>
      <c r="B188" s="5" t="s">
        <v>472</v>
      </c>
      <c r="C188" s="11">
        <v>47733900</v>
      </c>
      <c r="D188" s="11">
        <v>47841166.359999999</v>
      </c>
      <c r="E188" s="11">
        <v>8022803.6100000003</v>
      </c>
      <c r="F188" s="11">
        <v>8022803.6100000003</v>
      </c>
      <c r="G188" s="11">
        <v>0.13</v>
      </c>
      <c r="H188" s="11">
        <v>39818362.75</v>
      </c>
      <c r="I188" s="11">
        <v>8022803.6100000003</v>
      </c>
      <c r="J188" s="11">
        <v>8022803.6100000003</v>
      </c>
      <c r="K188" s="11">
        <v>0.3</v>
      </c>
      <c r="L188" s="11">
        <v>39818362.75</v>
      </c>
    </row>
    <row r="189" spans="1:12" x14ac:dyDescent="0.25">
      <c r="A189" s="2" t="s">
        <v>368</v>
      </c>
      <c r="B189" s="4" t="s">
        <v>435</v>
      </c>
      <c r="C189" s="12">
        <v>0</v>
      </c>
      <c r="D189" s="12">
        <v>0</v>
      </c>
      <c r="E189" s="12">
        <v>0</v>
      </c>
      <c r="F189" s="12">
        <v>0</v>
      </c>
      <c r="G189" s="12">
        <v>0</v>
      </c>
      <c r="H189" s="12">
        <v>0</v>
      </c>
      <c r="I189" s="12">
        <v>0</v>
      </c>
      <c r="J189" s="12">
        <v>0</v>
      </c>
      <c r="K189" s="12">
        <v>0</v>
      </c>
      <c r="L189" s="12">
        <v>0</v>
      </c>
    </row>
    <row r="190" spans="1:12" x14ac:dyDescent="0.25">
      <c r="A190" s="2" t="s">
        <v>519</v>
      </c>
      <c r="B190" s="4" t="s">
        <v>442</v>
      </c>
      <c r="C190" s="12">
        <v>47733900</v>
      </c>
      <c r="D190" s="12">
        <v>47841166.359999999</v>
      </c>
      <c r="E190" s="12">
        <v>8022803.6100000003</v>
      </c>
      <c r="F190" s="12">
        <v>8022803.6100000003</v>
      </c>
      <c r="G190" s="12">
        <v>0.13</v>
      </c>
      <c r="H190" s="12">
        <v>39818362.75</v>
      </c>
      <c r="I190" s="12">
        <v>8022803.6100000003</v>
      </c>
      <c r="J190" s="12">
        <v>8022803.6100000003</v>
      </c>
      <c r="K190" s="12">
        <v>0.3</v>
      </c>
      <c r="L190" s="12">
        <v>39818362.75</v>
      </c>
    </row>
    <row r="191" spans="1:12" x14ac:dyDescent="0.25">
      <c r="A191" s="3" t="s">
        <v>520</v>
      </c>
      <c r="B191" s="5" t="s">
        <v>474</v>
      </c>
      <c r="C191" s="11">
        <v>1296900</v>
      </c>
      <c r="D191" s="11">
        <v>1296900</v>
      </c>
      <c r="E191" s="11">
        <v>252120.49</v>
      </c>
      <c r="F191" s="11">
        <v>252120.49</v>
      </c>
      <c r="G191" s="11">
        <v>0</v>
      </c>
      <c r="H191" s="11">
        <v>1044779.51</v>
      </c>
      <c r="I191" s="11">
        <v>232527.79</v>
      </c>
      <c r="J191" s="11">
        <v>232527.79</v>
      </c>
      <c r="K191" s="11">
        <v>0.01</v>
      </c>
      <c r="L191" s="11">
        <v>1064372.21</v>
      </c>
    </row>
    <row r="192" spans="1:12" x14ac:dyDescent="0.25">
      <c r="A192" s="2" t="s">
        <v>521</v>
      </c>
      <c r="B192" s="4" t="s">
        <v>424</v>
      </c>
      <c r="C192" s="12">
        <v>1296900</v>
      </c>
      <c r="D192" s="12">
        <v>1296900</v>
      </c>
      <c r="E192" s="12">
        <v>252120.49</v>
      </c>
      <c r="F192" s="12">
        <v>252120.49</v>
      </c>
      <c r="G192" s="12">
        <v>0</v>
      </c>
      <c r="H192" s="12">
        <v>1044779.51</v>
      </c>
      <c r="I192" s="12">
        <v>232527.79</v>
      </c>
      <c r="J192" s="12">
        <v>232527.79</v>
      </c>
      <c r="K192" s="12">
        <v>0.01</v>
      </c>
      <c r="L192" s="12">
        <v>1064372.21</v>
      </c>
    </row>
    <row r="193" spans="1:12" x14ac:dyDescent="0.25">
      <c r="A193" s="3" t="s">
        <v>522</v>
      </c>
      <c r="B193" s="5" t="s">
        <v>478</v>
      </c>
      <c r="C193" s="11">
        <v>1096300</v>
      </c>
      <c r="D193" s="11">
        <v>1868300</v>
      </c>
      <c r="E193" s="11">
        <v>1175069.22</v>
      </c>
      <c r="F193" s="11">
        <v>1175069.22</v>
      </c>
      <c r="G193" s="11">
        <v>0.02</v>
      </c>
      <c r="H193" s="11">
        <v>693230.78</v>
      </c>
      <c r="I193" s="11">
        <v>1175069.22</v>
      </c>
      <c r="J193" s="11">
        <v>1175069.22</v>
      </c>
      <c r="K193" s="11">
        <v>0.04</v>
      </c>
      <c r="L193" s="11">
        <v>693230.78</v>
      </c>
    </row>
    <row r="194" spans="1:12" x14ac:dyDescent="0.25">
      <c r="A194" s="2" t="s">
        <v>523</v>
      </c>
      <c r="B194" s="4" t="s">
        <v>424</v>
      </c>
      <c r="C194" s="12">
        <v>1096300</v>
      </c>
      <c r="D194" s="12">
        <v>1868300</v>
      </c>
      <c r="E194" s="12">
        <v>1175069.22</v>
      </c>
      <c r="F194" s="12">
        <v>1175069.22</v>
      </c>
      <c r="G194" s="12">
        <v>0.02</v>
      </c>
      <c r="H194" s="12">
        <v>693230.78</v>
      </c>
      <c r="I194" s="12">
        <v>1175069.22</v>
      </c>
      <c r="J194" s="12">
        <v>1175069.22</v>
      </c>
      <c r="K194" s="12">
        <v>0.04</v>
      </c>
      <c r="L194" s="12">
        <v>693230.78</v>
      </c>
    </row>
    <row r="195" spans="1:12" x14ac:dyDescent="0.25">
      <c r="A195" s="3" t="s">
        <v>524</v>
      </c>
      <c r="B195" s="5" t="s">
        <v>485</v>
      </c>
      <c r="C195" s="11">
        <v>37136600</v>
      </c>
      <c r="D195" s="11">
        <v>37136600</v>
      </c>
      <c r="E195" s="11">
        <v>29235912.210000001</v>
      </c>
      <c r="F195" s="11">
        <v>29235912.210000001</v>
      </c>
      <c r="G195" s="11">
        <v>0.46</v>
      </c>
      <c r="H195" s="11">
        <v>7900687.79</v>
      </c>
      <c r="I195" s="11">
        <v>7302894.8899999997</v>
      </c>
      <c r="J195" s="11">
        <v>7302894.8899999997</v>
      </c>
      <c r="K195" s="11">
        <v>0.27</v>
      </c>
      <c r="L195" s="11">
        <v>29833705.109999999</v>
      </c>
    </row>
    <row r="196" spans="1:12" x14ac:dyDescent="0.25">
      <c r="A196" s="2" t="s">
        <v>525</v>
      </c>
      <c r="B196" s="4" t="s">
        <v>424</v>
      </c>
      <c r="C196" s="12">
        <v>37136600</v>
      </c>
      <c r="D196" s="12">
        <v>37136600</v>
      </c>
      <c r="E196" s="12">
        <v>29235912.210000001</v>
      </c>
      <c r="F196" s="12">
        <v>29235912.210000001</v>
      </c>
      <c r="G196" s="12">
        <v>0.46</v>
      </c>
      <c r="H196" s="12">
        <v>7900687.79</v>
      </c>
      <c r="I196" s="12">
        <v>7302894.8899999997</v>
      </c>
      <c r="J196" s="12">
        <v>7302894.8899999997</v>
      </c>
      <c r="K196" s="12">
        <v>0.27</v>
      </c>
      <c r="L196" s="12">
        <v>29833705.109999999</v>
      </c>
    </row>
    <row r="197" spans="1:12" x14ac:dyDescent="0.25">
      <c r="A197" s="3" t="s">
        <v>526</v>
      </c>
      <c r="B197" s="5" t="s">
        <v>494</v>
      </c>
      <c r="C197" s="11">
        <v>3933000</v>
      </c>
      <c r="D197" s="11">
        <v>3933000</v>
      </c>
      <c r="E197" s="11">
        <v>1352832.41</v>
      </c>
      <c r="F197" s="11">
        <v>1352832.41</v>
      </c>
      <c r="G197" s="11">
        <v>0.02</v>
      </c>
      <c r="H197" s="11">
        <v>2580167.59</v>
      </c>
      <c r="I197" s="11">
        <v>552491.65</v>
      </c>
      <c r="J197" s="11">
        <v>552491.65</v>
      </c>
      <c r="K197" s="11">
        <v>0.02</v>
      </c>
      <c r="L197" s="11">
        <v>3380508.35</v>
      </c>
    </row>
    <row r="198" spans="1:12" x14ac:dyDescent="0.25">
      <c r="A198" s="2" t="s">
        <v>527</v>
      </c>
      <c r="B198" s="4" t="s">
        <v>495</v>
      </c>
      <c r="C198" s="12">
        <v>1615000</v>
      </c>
      <c r="D198" s="12">
        <v>1615000</v>
      </c>
      <c r="E198" s="12">
        <v>302391.03999999998</v>
      </c>
      <c r="F198" s="12">
        <v>302391.03999999998</v>
      </c>
      <c r="G198" s="12">
        <v>0</v>
      </c>
      <c r="H198" s="12">
        <v>1312608.96</v>
      </c>
      <c r="I198" s="12">
        <v>302391.03999999998</v>
      </c>
      <c r="J198" s="12">
        <v>302391.03999999998</v>
      </c>
      <c r="K198" s="12">
        <v>0.01</v>
      </c>
      <c r="L198" s="12">
        <v>1312608.96</v>
      </c>
    </row>
    <row r="199" spans="1:12" x14ac:dyDescent="0.25">
      <c r="A199" s="2" t="s">
        <v>528</v>
      </c>
      <c r="B199" s="4" t="s">
        <v>497</v>
      </c>
      <c r="C199" s="12">
        <v>2318000</v>
      </c>
      <c r="D199" s="12">
        <v>2318000</v>
      </c>
      <c r="E199" s="12">
        <v>1050441.3700000001</v>
      </c>
      <c r="F199" s="12">
        <v>1050441.3700000001</v>
      </c>
      <c r="G199" s="12">
        <v>0.02</v>
      </c>
      <c r="H199" s="12">
        <v>1267558.6299999999</v>
      </c>
      <c r="I199" s="12">
        <v>250100.61</v>
      </c>
      <c r="J199" s="12">
        <v>250100.61</v>
      </c>
      <c r="K199" s="12">
        <v>0.01</v>
      </c>
      <c r="L199" s="12">
        <v>2067899.39</v>
      </c>
    </row>
    <row r="200" spans="1:12" x14ac:dyDescent="0.25">
      <c r="A200" s="3" t="s">
        <v>529</v>
      </c>
      <c r="B200" s="5" t="s">
        <v>504</v>
      </c>
      <c r="C200" s="11">
        <v>38690400</v>
      </c>
      <c r="D200" s="11">
        <v>38690400</v>
      </c>
      <c r="E200" s="11">
        <v>6364572.5700000003</v>
      </c>
      <c r="F200" s="11">
        <v>6364572.5700000003</v>
      </c>
      <c r="G200" s="11">
        <v>0.1</v>
      </c>
      <c r="H200" s="11">
        <v>32325827.43</v>
      </c>
      <c r="I200" s="11">
        <v>6364572.5700000003</v>
      </c>
      <c r="J200" s="11">
        <v>6364572.5700000003</v>
      </c>
      <c r="K200" s="11">
        <v>0.24</v>
      </c>
      <c r="L200" s="11">
        <v>32325827.43</v>
      </c>
    </row>
    <row r="201" spans="1:12" x14ac:dyDescent="0.25">
      <c r="A201" s="2" t="s">
        <v>530</v>
      </c>
      <c r="B201" s="4" t="s">
        <v>424</v>
      </c>
      <c r="C201" s="12">
        <v>38690400</v>
      </c>
      <c r="D201" s="12">
        <v>38690400</v>
      </c>
      <c r="E201" s="12">
        <v>6364572.5700000003</v>
      </c>
      <c r="F201" s="12">
        <v>6364572.5700000003</v>
      </c>
      <c r="G201" s="12">
        <v>0.1</v>
      </c>
      <c r="H201" s="12">
        <v>32325827.43</v>
      </c>
      <c r="I201" s="12">
        <v>6364572.5700000003</v>
      </c>
      <c r="J201" s="12">
        <v>6364572.5700000003</v>
      </c>
      <c r="K201" s="12">
        <v>0.24</v>
      </c>
      <c r="L201" s="12">
        <v>32325827.43</v>
      </c>
    </row>
    <row r="202" spans="1:12" x14ac:dyDescent="0.25">
      <c r="A202" s="3" t="s">
        <v>531</v>
      </c>
      <c r="B202" s="5" t="s">
        <v>509</v>
      </c>
      <c r="C202" s="11">
        <v>201200</v>
      </c>
      <c r="D202" s="11">
        <v>274200</v>
      </c>
      <c r="E202" s="11">
        <v>82794.73</v>
      </c>
      <c r="F202" s="11">
        <v>82794.73</v>
      </c>
      <c r="G202" s="11">
        <v>0</v>
      </c>
      <c r="H202" s="11">
        <v>191405.27</v>
      </c>
      <c r="I202" s="11">
        <v>81993.5</v>
      </c>
      <c r="J202" s="11">
        <v>81993.5</v>
      </c>
      <c r="K202" s="11">
        <v>0</v>
      </c>
      <c r="L202" s="11">
        <v>192206.5</v>
      </c>
    </row>
    <row r="203" spans="1:12" x14ac:dyDescent="0.25">
      <c r="A203" s="2" t="s">
        <v>532</v>
      </c>
      <c r="B203" s="4" t="s">
        <v>511</v>
      </c>
      <c r="C203" s="12">
        <v>201200</v>
      </c>
      <c r="D203" s="12">
        <v>274200</v>
      </c>
      <c r="E203" s="12">
        <v>82794.73</v>
      </c>
      <c r="F203" s="12">
        <v>82794.73</v>
      </c>
      <c r="G203" s="12">
        <v>0</v>
      </c>
      <c r="H203" s="12">
        <v>191405.27</v>
      </c>
      <c r="I203" s="12">
        <v>81993.5</v>
      </c>
      <c r="J203" s="12">
        <v>81993.5</v>
      </c>
      <c r="K203" s="12">
        <v>0</v>
      </c>
      <c r="L203" s="12">
        <v>192206.5</v>
      </c>
    </row>
    <row r="204" spans="1:12" x14ac:dyDescent="0.25">
      <c r="A204" s="3" t="s">
        <v>533</v>
      </c>
      <c r="B204" s="5" t="s">
        <v>512</v>
      </c>
      <c r="C204" s="11">
        <v>24915400</v>
      </c>
      <c r="D204" s="11">
        <v>24945400</v>
      </c>
      <c r="E204" s="11">
        <v>20333208.379999999</v>
      </c>
      <c r="F204" s="11">
        <v>20333208.379999999</v>
      </c>
      <c r="G204" s="11">
        <v>0.32</v>
      </c>
      <c r="H204" s="11">
        <v>4612191.62</v>
      </c>
      <c r="I204" s="11">
        <v>4077451.97</v>
      </c>
      <c r="J204" s="11">
        <v>4077451.97</v>
      </c>
      <c r="K204" s="11">
        <v>0.15</v>
      </c>
      <c r="L204" s="11">
        <v>20867948.030000001</v>
      </c>
    </row>
    <row r="205" spans="1:12" x14ac:dyDescent="0.25">
      <c r="A205" s="2" t="s">
        <v>534</v>
      </c>
      <c r="B205" s="4" t="s">
        <v>448</v>
      </c>
      <c r="C205" s="12">
        <v>5820000</v>
      </c>
      <c r="D205" s="12">
        <v>5820000</v>
      </c>
      <c r="E205" s="12">
        <v>5820000</v>
      </c>
      <c r="F205" s="12">
        <v>5820000</v>
      </c>
      <c r="G205" s="12">
        <v>0.09</v>
      </c>
      <c r="H205" s="12">
        <v>0</v>
      </c>
      <c r="I205" s="12">
        <v>1830523</v>
      </c>
      <c r="J205" s="12">
        <v>1830523</v>
      </c>
      <c r="K205" s="12">
        <v>7.0000000000000007E-2</v>
      </c>
      <c r="L205" s="12">
        <v>3989477</v>
      </c>
    </row>
    <row r="206" spans="1:12" x14ac:dyDescent="0.25">
      <c r="A206" s="2" t="s">
        <v>535</v>
      </c>
      <c r="B206" s="4" t="s">
        <v>421</v>
      </c>
      <c r="C206" s="12">
        <v>19095400</v>
      </c>
      <c r="D206" s="12">
        <v>19125400</v>
      </c>
      <c r="E206" s="12">
        <v>14513208.380000001</v>
      </c>
      <c r="F206" s="12">
        <v>14513208.380000001</v>
      </c>
      <c r="G206" s="12">
        <v>0.23</v>
      </c>
      <c r="H206" s="12">
        <v>4612191.62</v>
      </c>
      <c r="I206" s="12">
        <v>2246928.9700000002</v>
      </c>
      <c r="J206" s="12">
        <v>2246928.9700000002</v>
      </c>
      <c r="K206" s="12">
        <v>0.08</v>
      </c>
      <c r="L206" s="12">
        <v>16878471.030000001</v>
      </c>
    </row>
    <row r="207" spans="1:12" x14ac:dyDescent="0.25">
      <c r="A207" s="3" t="s">
        <v>536</v>
      </c>
      <c r="B207" s="5" t="s">
        <v>537</v>
      </c>
      <c r="C207" s="11">
        <v>18475534800</v>
      </c>
      <c r="D207" s="11">
        <v>19568313099.830002</v>
      </c>
      <c r="E207" s="11">
        <v>6328442877.3500004</v>
      </c>
      <c r="F207" s="11">
        <v>6328442877.3500004</v>
      </c>
      <c r="G207" s="11">
        <v>99.97</v>
      </c>
      <c r="H207" s="11">
        <v>13239870222.48</v>
      </c>
      <c r="I207" s="11">
        <v>2682864115.79</v>
      </c>
      <c r="J207" s="11">
        <v>2682864115.79</v>
      </c>
      <c r="K207" s="11">
        <v>100.01</v>
      </c>
      <c r="L207" s="11">
        <v>16885448984.040001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3"/>
  <sheetViews>
    <sheetView showGridLines="0" workbookViewId="0">
      <selection activeCell="C12" sqref="C12:P43"/>
    </sheetView>
  </sheetViews>
  <sheetFormatPr defaultRowHeight="15" x14ac:dyDescent="0.25"/>
  <cols>
    <col min="2" max="2" width="106.85546875" bestFit="1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53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3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540</v>
      </c>
      <c r="C10" s="10" t="s">
        <v>372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41</v>
      </c>
      <c r="P10" s="10" t="s">
        <v>542</v>
      </c>
    </row>
    <row r="11" spans="1:16" ht="21" x14ac:dyDescent="0.25">
      <c r="A11" s="10" t="s">
        <v>7</v>
      </c>
      <c r="B11" s="10" t="s">
        <v>7</v>
      </c>
      <c r="C11" s="1" t="s">
        <v>373</v>
      </c>
      <c r="D11" s="1" t="s">
        <v>374</v>
      </c>
      <c r="E11" s="1" t="s">
        <v>375</v>
      </c>
      <c r="F11" s="1" t="s">
        <v>376</v>
      </c>
      <c r="G11" s="1" t="s">
        <v>377</v>
      </c>
      <c r="H11" s="1" t="s">
        <v>378</v>
      </c>
      <c r="I11" s="1" t="s">
        <v>379</v>
      </c>
      <c r="J11" s="1" t="s">
        <v>380</v>
      </c>
      <c r="K11" s="1" t="s">
        <v>381</v>
      </c>
      <c r="L11" s="1" t="s">
        <v>382</v>
      </c>
      <c r="M11" s="1" t="s">
        <v>383</v>
      </c>
      <c r="N11" s="1" t="s">
        <v>384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43</v>
      </c>
      <c r="C12" s="11">
        <v>1793511973.8599999</v>
      </c>
      <c r="D12" s="11">
        <v>1866206459.95</v>
      </c>
      <c r="E12" s="11">
        <v>1812898639.01</v>
      </c>
      <c r="F12" s="11">
        <v>1864784472.9300001</v>
      </c>
      <c r="G12" s="11">
        <v>1910152747.54</v>
      </c>
      <c r="H12" s="11">
        <v>2031169726.4400001</v>
      </c>
      <c r="I12" s="11">
        <v>1957497738.05</v>
      </c>
      <c r="J12" s="11">
        <v>1954961231.1600001</v>
      </c>
      <c r="K12" s="11">
        <v>2050210757.0799999</v>
      </c>
      <c r="L12" s="11">
        <v>2344751402.6900001</v>
      </c>
      <c r="M12" s="11">
        <v>2431080919.8200002</v>
      </c>
      <c r="N12" s="11">
        <v>1930720108.5599999</v>
      </c>
      <c r="O12" s="11">
        <v>23947946177.09</v>
      </c>
      <c r="P12" s="11">
        <v>21833851500</v>
      </c>
    </row>
    <row r="13" spans="1:16" x14ac:dyDescent="0.25">
      <c r="A13" s="3" t="s">
        <v>19</v>
      </c>
      <c r="B13" s="5" t="s">
        <v>544</v>
      </c>
      <c r="C13" s="11">
        <v>1195219309.8</v>
      </c>
      <c r="D13" s="11">
        <v>1247785613.71</v>
      </c>
      <c r="E13" s="11">
        <v>1180015496.5899999</v>
      </c>
      <c r="F13" s="11">
        <v>1220284407.79</v>
      </c>
      <c r="G13" s="11">
        <v>1267944647.55</v>
      </c>
      <c r="H13" s="11">
        <v>1326648005.8299999</v>
      </c>
      <c r="I13" s="11">
        <v>1310541166.8199999</v>
      </c>
      <c r="J13" s="11">
        <v>1302748228.2</v>
      </c>
      <c r="K13" s="11">
        <v>1303320809.0999999</v>
      </c>
      <c r="L13" s="11">
        <v>1464919753.04</v>
      </c>
      <c r="M13" s="11">
        <v>1665434023.1099999</v>
      </c>
      <c r="N13" s="11">
        <v>1199212176.1199999</v>
      </c>
      <c r="O13" s="11">
        <v>15684073637.66</v>
      </c>
      <c r="P13" s="11">
        <v>14721066500</v>
      </c>
    </row>
    <row r="14" spans="1:16" x14ac:dyDescent="0.25">
      <c r="A14" s="2" t="s">
        <v>21</v>
      </c>
      <c r="B14" s="4" t="s">
        <v>545</v>
      </c>
      <c r="C14" s="12">
        <v>1003826896.14</v>
      </c>
      <c r="D14" s="12">
        <v>1055823075.17</v>
      </c>
      <c r="E14" s="12">
        <v>985604340.03999996</v>
      </c>
      <c r="F14" s="12">
        <v>1032031161.0700001</v>
      </c>
      <c r="G14" s="12">
        <v>1080503809.1800001</v>
      </c>
      <c r="H14" s="12">
        <v>1112901173.49</v>
      </c>
      <c r="I14" s="12">
        <v>1143147733.72</v>
      </c>
      <c r="J14" s="12">
        <v>1134142541.0999999</v>
      </c>
      <c r="K14" s="12">
        <v>1131411370.9300001</v>
      </c>
      <c r="L14" s="12">
        <v>1156348986.78</v>
      </c>
      <c r="M14" s="12">
        <v>1131724091.3</v>
      </c>
      <c r="N14" s="12">
        <v>1006713066.54</v>
      </c>
      <c r="O14" s="12">
        <v>12974178245.459999</v>
      </c>
      <c r="P14" s="12">
        <v>12111311000</v>
      </c>
    </row>
    <row r="15" spans="1:16" x14ac:dyDescent="0.25">
      <c r="A15" s="2" t="s">
        <v>23</v>
      </c>
      <c r="B15" s="4" t="s">
        <v>546</v>
      </c>
      <c r="C15" s="12">
        <v>65432879.100000001</v>
      </c>
      <c r="D15" s="12">
        <v>59045242.020000003</v>
      </c>
      <c r="E15" s="12">
        <v>60265315.270000003</v>
      </c>
      <c r="F15" s="12">
        <v>36077818.899999999</v>
      </c>
      <c r="G15" s="12">
        <v>36690859.969999999</v>
      </c>
      <c r="H15" s="12">
        <v>32052624.219999999</v>
      </c>
      <c r="I15" s="12">
        <v>27673078.5</v>
      </c>
      <c r="J15" s="12">
        <v>21699287.940000001</v>
      </c>
      <c r="K15" s="12">
        <v>16923334.510000002</v>
      </c>
      <c r="L15" s="12">
        <v>58941543.219999999</v>
      </c>
      <c r="M15" s="12">
        <v>428681696</v>
      </c>
      <c r="N15" s="12">
        <v>52700293.950000003</v>
      </c>
      <c r="O15" s="12">
        <v>896183973.60000002</v>
      </c>
      <c r="P15" s="12">
        <v>925275000</v>
      </c>
    </row>
    <row r="16" spans="1:16" x14ac:dyDescent="0.25">
      <c r="A16" s="2" t="s">
        <v>25</v>
      </c>
      <c r="B16" s="4" t="s">
        <v>547</v>
      </c>
      <c r="C16" s="12">
        <v>19986585.670000002</v>
      </c>
      <c r="D16" s="12">
        <v>29539466.850000001</v>
      </c>
      <c r="E16" s="12">
        <v>31369092.260000002</v>
      </c>
      <c r="F16" s="12">
        <v>36429993.960000001</v>
      </c>
      <c r="G16" s="12">
        <v>41060839.869999997</v>
      </c>
      <c r="H16" s="12">
        <v>50431976.460000001</v>
      </c>
      <c r="I16" s="12">
        <v>25076346.52</v>
      </c>
      <c r="J16" s="12">
        <v>37422112.810000002</v>
      </c>
      <c r="K16" s="12">
        <v>34132796.75</v>
      </c>
      <c r="L16" s="12">
        <v>44873165.219999999</v>
      </c>
      <c r="M16" s="12">
        <v>25711937.93</v>
      </c>
      <c r="N16" s="12">
        <v>26617213.280000001</v>
      </c>
      <c r="O16" s="12">
        <v>402651527.57999998</v>
      </c>
      <c r="P16" s="12">
        <v>295720100</v>
      </c>
    </row>
    <row r="17" spans="1:16" x14ac:dyDescent="0.25">
      <c r="A17" s="2" t="s">
        <v>27</v>
      </c>
      <c r="B17" s="4" t="s">
        <v>548</v>
      </c>
      <c r="C17" s="12">
        <v>81592459.920000002</v>
      </c>
      <c r="D17" s="12">
        <v>78652486.180000007</v>
      </c>
      <c r="E17" s="12">
        <v>75428422.420000002</v>
      </c>
      <c r="F17" s="12">
        <v>88648045.590000004</v>
      </c>
      <c r="G17" s="12">
        <v>78346508.519999996</v>
      </c>
      <c r="H17" s="12">
        <v>88789202.590000004</v>
      </c>
      <c r="I17" s="12">
        <v>82665763.930000007</v>
      </c>
      <c r="J17" s="12">
        <v>78296675.209999993</v>
      </c>
      <c r="K17" s="12">
        <v>91490013.670000002</v>
      </c>
      <c r="L17" s="12">
        <v>179759517.63999999</v>
      </c>
      <c r="M17" s="12">
        <v>54929590.729999997</v>
      </c>
      <c r="N17" s="12">
        <v>91061238.870000005</v>
      </c>
      <c r="O17" s="12">
        <v>1069659925.27</v>
      </c>
      <c r="P17" s="12">
        <v>1031230000</v>
      </c>
    </row>
    <row r="18" spans="1:16" x14ac:dyDescent="0.25">
      <c r="A18" s="2" t="s">
        <v>29</v>
      </c>
      <c r="B18" s="4" t="s">
        <v>549</v>
      </c>
      <c r="C18" s="12">
        <v>24380488.969999999</v>
      </c>
      <c r="D18" s="12">
        <v>24725343.489999998</v>
      </c>
      <c r="E18" s="12">
        <v>27348326.600000001</v>
      </c>
      <c r="F18" s="12">
        <v>27097388.27</v>
      </c>
      <c r="G18" s="12">
        <v>31342630.010000002</v>
      </c>
      <c r="H18" s="12">
        <v>42473029.07</v>
      </c>
      <c r="I18" s="12">
        <v>31978244.149999999</v>
      </c>
      <c r="J18" s="12">
        <v>31187611.140000001</v>
      </c>
      <c r="K18" s="12">
        <v>29363293.239999998</v>
      </c>
      <c r="L18" s="12">
        <v>24996540.18</v>
      </c>
      <c r="M18" s="12">
        <v>24386707.149999999</v>
      </c>
      <c r="N18" s="12">
        <v>22120363.48</v>
      </c>
      <c r="O18" s="12">
        <v>341399965.75</v>
      </c>
      <c r="P18" s="12">
        <v>357530400</v>
      </c>
    </row>
    <row r="19" spans="1:16" x14ac:dyDescent="0.25">
      <c r="A19" s="2" t="s">
        <v>31</v>
      </c>
      <c r="B19" s="4" t="s">
        <v>550</v>
      </c>
      <c r="C19" s="12">
        <v>79647819.939999998</v>
      </c>
      <c r="D19" s="12">
        <v>68056814.049999997</v>
      </c>
      <c r="E19" s="12">
        <v>83906246</v>
      </c>
      <c r="F19" s="12">
        <v>60695925.57</v>
      </c>
      <c r="G19" s="12">
        <v>88042542.920000002</v>
      </c>
      <c r="H19" s="12">
        <v>70941212.609999999</v>
      </c>
      <c r="I19" s="12">
        <v>79542397.719999999</v>
      </c>
      <c r="J19" s="12">
        <v>77173900.829999998</v>
      </c>
      <c r="K19" s="12">
        <v>105316811.59</v>
      </c>
      <c r="L19" s="12">
        <v>154495905.25999999</v>
      </c>
      <c r="M19" s="12">
        <v>85075242.430000007</v>
      </c>
      <c r="N19" s="12">
        <v>96416049.230000004</v>
      </c>
      <c r="O19" s="12">
        <v>1049310868.15</v>
      </c>
      <c r="P19" s="12">
        <v>700627100</v>
      </c>
    </row>
    <row r="20" spans="1:16" x14ac:dyDescent="0.25">
      <c r="A20" s="3" t="s">
        <v>33</v>
      </c>
      <c r="B20" s="5" t="s">
        <v>551</v>
      </c>
      <c r="C20" s="11">
        <v>6281394.7400000002</v>
      </c>
      <c r="D20" s="11">
        <v>15067486.18</v>
      </c>
      <c r="E20" s="11">
        <v>11082214.77</v>
      </c>
      <c r="F20" s="11">
        <v>34775994.75</v>
      </c>
      <c r="G20" s="11">
        <v>27956252.469999999</v>
      </c>
      <c r="H20" s="11">
        <v>20269441.75</v>
      </c>
      <c r="I20" s="11">
        <v>20571118.239999998</v>
      </c>
      <c r="J20" s="11">
        <v>23757917.609999999</v>
      </c>
      <c r="K20" s="11">
        <v>40582503.189999998</v>
      </c>
      <c r="L20" s="11">
        <v>61858774.899999999</v>
      </c>
      <c r="M20" s="11">
        <v>52309066.439999998</v>
      </c>
      <c r="N20" s="11">
        <v>47183977.740000002</v>
      </c>
      <c r="O20" s="11">
        <v>361696142.77999997</v>
      </c>
      <c r="P20" s="11">
        <v>134883500</v>
      </c>
    </row>
    <row r="21" spans="1:16" x14ac:dyDescent="0.25">
      <c r="A21" s="2" t="s">
        <v>35</v>
      </c>
      <c r="B21" s="4" t="s">
        <v>552</v>
      </c>
      <c r="C21" s="12">
        <v>5049494.07</v>
      </c>
      <c r="D21" s="12">
        <v>6157353.2699999996</v>
      </c>
      <c r="E21" s="12">
        <v>9091794.6999999993</v>
      </c>
      <c r="F21" s="12">
        <v>11307032.310000001</v>
      </c>
      <c r="G21" s="12">
        <v>13140698.75</v>
      </c>
      <c r="H21" s="12">
        <v>16871631.129999999</v>
      </c>
      <c r="I21" s="12">
        <v>18948950.079999998</v>
      </c>
      <c r="J21" s="12">
        <v>22102115.379999999</v>
      </c>
      <c r="K21" s="12">
        <v>29100054.649999999</v>
      </c>
      <c r="L21" s="12">
        <v>36937688.409999996</v>
      </c>
      <c r="M21" s="12">
        <v>37716958.450000003</v>
      </c>
      <c r="N21" s="12">
        <v>41329261.140000001</v>
      </c>
      <c r="O21" s="12">
        <v>247753032.34</v>
      </c>
      <c r="P21" s="12">
        <v>59435800</v>
      </c>
    </row>
    <row r="22" spans="1:16" x14ac:dyDescent="0.25">
      <c r="A22" s="2" t="s">
        <v>37</v>
      </c>
      <c r="B22" s="4" t="s">
        <v>553</v>
      </c>
      <c r="C22" s="12">
        <v>1231900.67</v>
      </c>
      <c r="D22" s="12">
        <v>8910132.9100000001</v>
      </c>
      <c r="E22" s="12">
        <v>1990420.07</v>
      </c>
      <c r="F22" s="12">
        <v>23468962.440000001</v>
      </c>
      <c r="G22" s="12">
        <v>14815553.720000001</v>
      </c>
      <c r="H22" s="12">
        <v>3397810.62</v>
      </c>
      <c r="I22" s="12">
        <v>1622168.16</v>
      </c>
      <c r="J22" s="12">
        <v>1655802.23</v>
      </c>
      <c r="K22" s="12">
        <v>11482448.539999999</v>
      </c>
      <c r="L22" s="12">
        <v>24921086.489999998</v>
      </c>
      <c r="M22" s="12">
        <v>14592107.99</v>
      </c>
      <c r="N22" s="12">
        <v>5854716.5999999996</v>
      </c>
      <c r="O22" s="12">
        <v>113943110.44</v>
      </c>
      <c r="P22" s="12">
        <v>75447700</v>
      </c>
    </row>
    <row r="23" spans="1:16" x14ac:dyDescent="0.25">
      <c r="A23" s="2" t="s">
        <v>39</v>
      </c>
      <c r="B23" s="4" t="s">
        <v>554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1</v>
      </c>
      <c r="B24" s="4" t="s">
        <v>555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3</v>
      </c>
      <c r="B25" s="4" t="s">
        <v>556</v>
      </c>
      <c r="C25" s="12">
        <v>46420556.409999996</v>
      </c>
      <c r="D25" s="12">
        <v>57265514.229999997</v>
      </c>
      <c r="E25" s="12">
        <v>62998324.899999999</v>
      </c>
      <c r="F25" s="12">
        <v>64258047.039999999</v>
      </c>
      <c r="G25" s="12">
        <v>75275136.459999993</v>
      </c>
      <c r="H25" s="12">
        <v>89938714.980000004</v>
      </c>
      <c r="I25" s="12">
        <v>85661765.019999996</v>
      </c>
      <c r="J25" s="12">
        <v>68767707.730000004</v>
      </c>
      <c r="K25" s="12">
        <v>65501513.93</v>
      </c>
      <c r="L25" s="12">
        <v>90547412.450000003</v>
      </c>
      <c r="M25" s="12">
        <v>57484275.280000001</v>
      </c>
      <c r="N25" s="12">
        <v>48814080.979999997</v>
      </c>
      <c r="O25" s="12">
        <v>812933049.40999997</v>
      </c>
      <c r="P25" s="12">
        <v>674106600</v>
      </c>
    </row>
    <row r="26" spans="1:16" x14ac:dyDescent="0.25">
      <c r="A26" s="3" t="s">
        <v>45</v>
      </c>
      <c r="B26" s="5" t="s">
        <v>557</v>
      </c>
      <c r="C26" s="11">
        <v>460136045.25999999</v>
      </c>
      <c r="D26" s="11">
        <v>471057249.61000001</v>
      </c>
      <c r="E26" s="11">
        <v>466736577.91000003</v>
      </c>
      <c r="F26" s="11">
        <v>461536219.87</v>
      </c>
      <c r="G26" s="11">
        <v>443213482.18000001</v>
      </c>
      <c r="H26" s="11">
        <v>509932944.60000002</v>
      </c>
      <c r="I26" s="11">
        <v>450637588.08999997</v>
      </c>
      <c r="J26" s="11">
        <v>473875072.01999998</v>
      </c>
      <c r="K26" s="11">
        <v>524032806.13</v>
      </c>
      <c r="L26" s="11">
        <v>528529462.75</v>
      </c>
      <c r="M26" s="11">
        <v>561573383.98000002</v>
      </c>
      <c r="N26" s="11">
        <v>521298807.80000001</v>
      </c>
      <c r="O26" s="11">
        <v>5872559640.1999998</v>
      </c>
      <c r="P26" s="11">
        <v>5498865600</v>
      </c>
    </row>
    <row r="27" spans="1:16" x14ac:dyDescent="0.25">
      <c r="A27" s="2" t="s">
        <v>47</v>
      </c>
      <c r="B27" s="4" t="s">
        <v>558</v>
      </c>
      <c r="C27" s="12">
        <v>122531483.90000001</v>
      </c>
      <c r="D27" s="12">
        <v>128097434.81</v>
      </c>
      <c r="E27" s="12">
        <v>153081481.06999999</v>
      </c>
      <c r="F27" s="12">
        <v>133603393.18000001</v>
      </c>
      <c r="G27" s="12">
        <v>117626438.77</v>
      </c>
      <c r="H27" s="12">
        <v>148266074.22999999</v>
      </c>
      <c r="I27" s="12">
        <v>115756549.94</v>
      </c>
      <c r="J27" s="12">
        <v>128818796.88</v>
      </c>
      <c r="K27" s="12">
        <v>169184251.15000001</v>
      </c>
      <c r="L27" s="12">
        <v>175266482</v>
      </c>
      <c r="M27" s="12">
        <v>175145447.53</v>
      </c>
      <c r="N27" s="12">
        <v>240812886.21000001</v>
      </c>
      <c r="O27" s="12">
        <v>1808190719.6700001</v>
      </c>
      <c r="P27" s="12">
        <v>1323420200</v>
      </c>
    </row>
    <row r="28" spans="1:16" x14ac:dyDescent="0.25">
      <c r="A28" s="2" t="s">
        <v>49</v>
      </c>
      <c r="B28" s="4" t="s">
        <v>559</v>
      </c>
      <c r="C28" s="12">
        <v>8670713.9199999999</v>
      </c>
      <c r="D28" s="12">
        <v>-26012141.760000002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  <c r="O28" s="12">
        <v>-17341427.84</v>
      </c>
      <c r="P28" s="12">
        <v>0</v>
      </c>
    </row>
    <row r="29" spans="1:16" x14ac:dyDescent="0.25">
      <c r="A29" s="2" t="s">
        <v>51</v>
      </c>
      <c r="B29" s="4" t="s">
        <v>560</v>
      </c>
      <c r="C29" s="12">
        <v>12010983.199999999</v>
      </c>
      <c r="D29" s="12">
        <v>12046456.130000001</v>
      </c>
      <c r="E29" s="12">
        <v>11643582.359999999</v>
      </c>
      <c r="F29" s="12">
        <v>10680847.560000001</v>
      </c>
      <c r="G29" s="12">
        <v>12336383.859999999</v>
      </c>
      <c r="H29" s="12">
        <v>10373852.15</v>
      </c>
      <c r="I29" s="12">
        <v>12343223.02</v>
      </c>
      <c r="J29" s="12">
        <v>12705074.34</v>
      </c>
      <c r="K29" s="12">
        <v>12171275.41</v>
      </c>
      <c r="L29" s="12">
        <v>12443345.560000001</v>
      </c>
      <c r="M29" s="12">
        <v>12022904.18</v>
      </c>
      <c r="N29" s="12">
        <v>10750422.25</v>
      </c>
      <c r="O29" s="12">
        <v>141528350.02000001</v>
      </c>
      <c r="P29" s="12">
        <v>114800900</v>
      </c>
    </row>
    <row r="30" spans="1:16" x14ac:dyDescent="0.25">
      <c r="A30" s="2" t="s">
        <v>53</v>
      </c>
      <c r="B30" s="4" t="s">
        <v>561</v>
      </c>
      <c r="C30" s="12">
        <v>118708704.70999999</v>
      </c>
      <c r="D30" s="12">
        <v>111894962.23999999</v>
      </c>
      <c r="E30" s="12">
        <v>102986762.52</v>
      </c>
      <c r="F30" s="12">
        <v>103834978.79000001</v>
      </c>
      <c r="G30" s="12">
        <v>105956480.01000001</v>
      </c>
      <c r="H30" s="12">
        <v>124453228.27</v>
      </c>
      <c r="I30" s="12">
        <v>107860396.22</v>
      </c>
      <c r="J30" s="12">
        <v>119072335.93000001</v>
      </c>
      <c r="K30" s="12">
        <v>132401227.55</v>
      </c>
      <c r="L30" s="12">
        <v>127460971.09999999</v>
      </c>
      <c r="M30" s="12">
        <v>134574353.75</v>
      </c>
      <c r="N30" s="12">
        <v>127884899.06</v>
      </c>
      <c r="O30" s="12">
        <v>1417089300.1500001</v>
      </c>
      <c r="P30" s="12">
        <v>1252844900</v>
      </c>
    </row>
    <row r="31" spans="1:16" x14ac:dyDescent="0.25">
      <c r="A31" s="2" t="s">
        <v>55</v>
      </c>
      <c r="B31" s="4" t="s">
        <v>562</v>
      </c>
      <c r="C31" s="12">
        <v>198214159.53</v>
      </c>
      <c r="D31" s="12">
        <v>245030538.19</v>
      </c>
      <c r="E31" s="12">
        <v>199024751.96000001</v>
      </c>
      <c r="F31" s="12">
        <v>213417000.34</v>
      </c>
      <c r="G31" s="12">
        <v>207294179.53999999</v>
      </c>
      <c r="H31" s="12">
        <v>226839789.94999999</v>
      </c>
      <c r="I31" s="12">
        <v>214677418.91</v>
      </c>
      <c r="J31" s="12">
        <v>213278864.87</v>
      </c>
      <c r="K31" s="12">
        <v>210276052.02000001</v>
      </c>
      <c r="L31" s="12">
        <v>213358664.09</v>
      </c>
      <c r="M31" s="12">
        <v>239830678.52000001</v>
      </c>
      <c r="N31" s="12">
        <v>141850600.28</v>
      </c>
      <c r="O31" s="12">
        <v>2523092698.1999998</v>
      </c>
      <c r="P31" s="12">
        <v>2807799600</v>
      </c>
    </row>
    <row r="32" spans="1:16" x14ac:dyDescent="0.25">
      <c r="A32" s="2" t="s">
        <v>57</v>
      </c>
      <c r="B32" s="4" t="s">
        <v>563</v>
      </c>
      <c r="C32" s="12">
        <v>5806847.71</v>
      </c>
      <c r="D32" s="12">
        <v>6973782.1699999999</v>
      </c>
      <c r="E32" s="12">
        <v>8159778.8399999999</v>
      </c>
      <c r="F32" s="12">
        <v>23233877.91</v>
      </c>
      <c r="G32" s="12">
        <v>7720685.96</v>
      </c>
      <c r="H32" s="12">
        <v>13439406.67</v>
      </c>
      <c r="I32" s="12">
        <v>10543702.16</v>
      </c>
      <c r="J32" s="12">
        <v>8638404.7699999996</v>
      </c>
      <c r="K32" s="12">
        <v>11456313.140000001</v>
      </c>
      <c r="L32" s="12">
        <v>44400094.289999999</v>
      </c>
      <c r="M32" s="12">
        <v>9204928.5800000001</v>
      </c>
      <c r="N32" s="12">
        <v>17795016.690000001</v>
      </c>
      <c r="O32" s="12">
        <v>167372838.88999999</v>
      </c>
      <c r="P32" s="12">
        <v>104302200</v>
      </c>
    </row>
    <row r="33" spans="1:16" x14ac:dyDescent="0.25">
      <c r="A33" s="3" t="s">
        <v>59</v>
      </c>
      <c r="B33" s="5" t="s">
        <v>564</v>
      </c>
      <c r="C33" s="11">
        <v>599801581.05999994</v>
      </c>
      <c r="D33" s="11">
        <v>610763097.14999998</v>
      </c>
      <c r="E33" s="11">
        <v>593999237.30999994</v>
      </c>
      <c r="F33" s="11">
        <v>572568912.99000001</v>
      </c>
      <c r="G33" s="11">
        <v>602175991.23000002</v>
      </c>
      <c r="H33" s="11">
        <v>635203274.19000006</v>
      </c>
      <c r="I33" s="11">
        <v>626171105.15999997</v>
      </c>
      <c r="J33" s="11">
        <v>621002774.88999999</v>
      </c>
      <c r="K33" s="11">
        <v>652385024.53999996</v>
      </c>
      <c r="L33" s="11">
        <v>739646009.05999994</v>
      </c>
      <c r="M33" s="11">
        <v>885999086.00999999</v>
      </c>
      <c r="N33" s="11">
        <v>620258331.01999998</v>
      </c>
      <c r="O33" s="11">
        <v>7759974424.6099997</v>
      </c>
      <c r="P33" s="11">
        <v>6902663900</v>
      </c>
    </row>
    <row r="34" spans="1:16" x14ac:dyDescent="0.25">
      <c r="A34" s="2" t="s">
        <v>61</v>
      </c>
      <c r="B34" s="4" t="s">
        <v>565</v>
      </c>
      <c r="C34" s="12">
        <v>332331803.69999999</v>
      </c>
      <c r="D34" s="12">
        <v>344709035.89999998</v>
      </c>
      <c r="E34" s="12">
        <v>317142612.76999998</v>
      </c>
      <c r="F34" s="12">
        <v>317457022.11000001</v>
      </c>
      <c r="G34" s="12">
        <v>314473189.69</v>
      </c>
      <c r="H34" s="12">
        <v>352415436.54000002</v>
      </c>
      <c r="I34" s="12">
        <v>341974381.80000001</v>
      </c>
      <c r="J34" s="12">
        <v>335906886.67000002</v>
      </c>
      <c r="K34" s="12">
        <v>332860643.89999998</v>
      </c>
      <c r="L34" s="12">
        <v>359286652.52999997</v>
      </c>
      <c r="M34" s="12">
        <v>546387638.61000001</v>
      </c>
      <c r="N34" s="12">
        <v>311986600.94</v>
      </c>
      <c r="O34" s="12">
        <v>4206931905.1599998</v>
      </c>
      <c r="P34" s="12">
        <v>3938550500</v>
      </c>
    </row>
    <row r="35" spans="1:16" x14ac:dyDescent="0.25">
      <c r="A35" s="2" t="s">
        <v>63</v>
      </c>
      <c r="B35" s="4" t="s">
        <v>566</v>
      </c>
      <c r="C35" s="12">
        <v>79567799.560000002</v>
      </c>
      <c r="D35" s="12">
        <v>67967927.390000001</v>
      </c>
      <c r="E35" s="12">
        <v>83833153.200000003</v>
      </c>
      <c r="F35" s="12">
        <v>60616755.020000003</v>
      </c>
      <c r="G35" s="12">
        <v>87955314.989999995</v>
      </c>
      <c r="H35" s="12">
        <v>70859203.340000004</v>
      </c>
      <c r="I35" s="12">
        <v>79469363.079999998</v>
      </c>
      <c r="J35" s="12">
        <v>77101978.209999993</v>
      </c>
      <c r="K35" s="12">
        <v>105236483</v>
      </c>
      <c r="L35" s="12">
        <v>154317094.78999999</v>
      </c>
      <c r="M35" s="12">
        <v>84984567.159999996</v>
      </c>
      <c r="N35" s="12">
        <v>96327437.290000007</v>
      </c>
      <c r="O35" s="12">
        <v>1048237077.03</v>
      </c>
      <c r="P35" s="12">
        <v>700627100</v>
      </c>
    </row>
    <row r="36" spans="1:16" x14ac:dyDescent="0.25">
      <c r="A36" s="2" t="s">
        <v>65</v>
      </c>
      <c r="B36" s="4" t="s">
        <v>567</v>
      </c>
      <c r="C36" s="12">
        <v>127760.89</v>
      </c>
      <c r="D36" s="12">
        <v>101472.11</v>
      </c>
      <c r="E36" s="12">
        <v>111852.81</v>
      </c>
      <c r="F36" s="12">
        <v>79170.55</v>
      </c>
      <c r="G36" s="12">
        <v>87227.93</v>
      </c>
      <c r="H36" s="12">
        <v>114217.26</v>
      </c>
      <c r="I36" s="12">
        <v>73034.64</v>
      </c>
      <c r="J36" s="12">
        <v>71922.62</v>
      </c>
      <c r="K36" s="12">
        <v>80328.59</v>
      </c>
      <c r="L36" s="12">
        <v>178810.47</v>
      </c>
      <c r="M36" s="12">
        <v>90675.27</v>
      </c>
      <c r="N36" s="12">
        <v>88611.94</v>
      </c>
      <c r="O36" s="12">
        <v>1205085.08</v>
      </c>
      <c r="P36" s="12">
        <v>6538400</v>
      </c>
    </row>
    <row r="37" spans="1:16" x14ac:dyDescent="0.25">
      <c r="A37" s="2" t="s">
        <v>67</v>
      </c>
      <c r="B37" s="4" t="s">
        <v>5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585183.18000000005</v>
      </c>
      <c r="N37" s="12">
        <v>160612.01999999999</v>
      </c>
      <c r="O37" s="12">
        <v>745795.2</v>
      </c>
      <c r="P37" s="12">
        <v>899000</v>
      </c>
    </row>
    <row r="38" spans="1:16" x14ac:dyDescent="0.25">
      <c r="A38" s="2" t="s">
        <v>69</v>
      </c>
      <c r="B38" s="4" t="s">
        <v>569</v>
      </c>
      <c r="C38" s="12">
        <v>187774216.91</v>
      </c>
      <c r="D38" s="12">
        <v>197984661.75</v>
      </c>
      <c r="E38" s="12">
        <v>192911618.53</v>
      </c>
      <c r="F38" s="12">
        <v>194415965.31</v>
      </c>
      <c r="G38" s="12">
        <v>199660258.62</v>
      </c>
      <c r="H38" s="12">
        <v>211814417.05000001</v>
      </c>
      <c r="I38" s="12">
        <v>204654325.63999999</v>
      </c>
      <c r="J38" s="12">
        <v>207921987.38999999</v>
      </c>
      <c r="K38" s="12">
        <v>214207569.05000001</v>
      </c>
      <c r="L38" s="12">
        <v>225863451.27000001</v>
      </c>
      <c r="M38" s="12">
        <v>253951021.78999999</v>
      </c>
      <c r="N38" s="12">
        <v>211695068.83000001</v>
      </c>
      <c r="O38" s="12">
        <v>2502854562.1399999</v>
      </c>
      <c r="P38" s="12">
        <v>2256048900</v>
      </c>
    </row>
    <row r="39" spans="1:16" x14ac:dyDescent="0.25">
      <c r="A39" s="3" t="s">
        <v>71</v>
      </c>
      <c r="B39" s="5" t="s">
        <v>570</v>
      </c>
      <c r="C39" s="11">
        <v>1193710392.8</v>
      </c>
      <c r="D39" s="11">
        <v>1255443362.8</v>
      </c>
      <c r="E39" s="11">
        <v>1218899401.7</v>
      </c>
      <c r="F39" s="11">
        <v>1292215559.9400001</v>
      </c>
      <c r="G39" s="11">
        <v>1307976756.3099999</v>
      </c>
      <c r="H39" s="11">
        <v>1395966452.25</v>
      </c>
      <c r="I39" s="11">
        <v>1331326632.8900001</v>
      </c>
      <c r="J39" s="11">
        <v>1333958456.27</v>
      </c>
      <c r="K39" s="11">
        <v>1397825732.54</v>
      </c>
      <c r="L39" s="11">
        <v>1605105393.6300001</v>
      </c>
      <c r="M39" s="11">
        <v>1545081833.8099999</v>
      </c>
      <c r="N39" s="11">
        <v>1310461777.54</v>
      </c>
      <c r="O39" s="11">
        <v>16187971752.48</v>
      </c>
      <c r="P39" s="11">
        <v>14931187600</v>
      </c>
    </row>
    <row r="40" spans="1:16" x14ac:dyDescent="0.25">
      <c r="A40" s="2" t="s">
        <v>73</v>
      </c>
      <c r="B40" s="4" t="s">
        <v>571</v>
      </c>
      <c r="C40" s="12">
        <v>0</v>
      </c>
      <c r="D40" s="12">
        <v>0</v>
      </c>
      <c r="E40" s="12">
        <v>0</v>
      </c>
      <c r="F40" s="12">
        <v>0</v>
      </c>
      <c r="G40" s="12">
        <v>590454</v>
      </c>
      <c r="H40" s="12">
        <v>0</v>
      </c>
      <c r="I40" s="12">
        <v>0</v>
      </c>
      <c r="J40" s="12">
        <v>0</v>
      </c>
      <c r="K40" s="12">
        <v>5643795</v>
      </c>
      <c r="L40" s="12">
        <v>690000</v>
      </c>
      <c r="M40" s="12">
        <v>0</v>
      </c>
      <c r="N40" s="12">
        <v>0</v>
      </c>
      <c r="O40" s="12">
        <v>6924249</v>
      </c>
      <c r="P40" s="12">
        <v>0</v>
      </c>
    </row>
    <row r="41" spans="1:16" x14ac:dyDescent="0.25">
      <c r="A41" s="3" t="s">
        <v>75</v>
      </c>
      <c r="B41" s="5" t="s">
        <v>572</v>
      </c>
      <c r="C41" s="11">
        <v>1193710392.8</v>
      </c>
      <c r="D41" s="11">
        <v>1255443362.8</v>
      </c>
      <c r="E41" s="11">
        <v>1218899401.7</v>
      </c>
      <c r="F41" s="11">
        <v>1292215559.9400001</v>
      </c>
      <c r="G41" s="11">
        <v>1307386302.3099999</v>
      </c>
      <c r="H41" s="11">
        <v>1395966452.25</v>
      </c>
      <c r="I41" s="11">
        <v>1331326632.8900001</v>
      </c>
      <c r="J41" s="11">
        <v>1333958456.27</v>
      </c>
      <c r="K41" s="11">
        <v>1392181937.54</v>
      </c>
      <c r="L41" s="11">
        <v>1604415393.6300001</v>
      </c>
      <c r="M41" s="11">
        <v>1545081833.8099999</v>
      </c>
      <c r="N41" s="11">
        <v>1310461777.54</v>
      </c>
      <c r="O41" s="11">
        <v>16181047503.48</v>
      </c>
      <c r="P41" s="11">
        <v>14931187600</v>
      </c>
    </row>
    <row r="42" spans="1:16" x14ac:dyDescent="0.25">
      <c r="A42" s="2" t="s">
        <v>77</v>
      </c>
      <c r="B42" s="4" t="s">
        <v>573</v>
      </c>
      <c r="C42" s="12">
        <v>0</v>
      </c>
      <c r="D42" s="12">
        <v>0</v>
      </c>
      <c r="E42" s="12">
        <v>0</v>
      </c>
      <c r="F42" s="12">
        <v>1590454</v>
      </c>
      <c r="G42" s="12">
        <v>-1590454</v>
      </c>
      <c r="H42" s="12">
        <v>12000000</v>
      </c>
      <c r="I42" s="12">
        <v>0</v>
      </c>
      <c r="J42" s="12">
        <v>7970795</v>
      </c>
      <c r="K42" s="12">
        <v>-7970795</v>
      </c>
      <c r="L42" s="12">
        <v>0</v>
      </c>
      <c r="M42" s="12">
        <v>0</v>
      </c>
      <c r="N42" s="12">
        <v>0</v>
      </c>
      <c r="O42" s="12">
        <v>12000000</v>
      </c>
      <c r="P42" s="12">
        <v>0</v>
      </c>
    </row>
    <row r="43" spans="1:16" x14ac:dyDescent="0.25">
      <c r="A43" s="3" t="s">
        <v>79</v>
      </c>
      <c r="B43" s="5" t="s">
        <v>574</v>
      </c>
      <c r="C43" s="11">
        <v>1193710392.8</v>
      </c>
      <c r="D43" s="11">
        <v>1255443362.8</v>
      </c>
      <c r="E43" s="11">
        <v>1218899401.7</v>
      </c>
      <c r="F43" s="11">
        <v>1290625105.9400001</v>
      </c>
      <c r="G43" s="11">
        <v>1308976756.3099999</v>
      </c>
      <c r="H43" s="11">
        <v>1383966452.25</v>
      </c>
      <c r="I43" s="11">
        <v>1331326632.8900001</v>
      </c>
      <c r="J43" s="11">
        <v>1325987661.27</v>
      </c>
      <c r="K43" s="11">
        <v>1400152732.54</v>
      </c>
      <c r="L43" s="11">
        <v>1604415393.6300001</v>
      </c>
      <c r="M43" s="11">
        <v>1545081833.8099999</v>
      </c>
      <c r="N43" s="11">
        <v>1310461777.54</v>
      </c>
      <c r="O43" s="11">
        <v>16169047503.48</v>
      </c>
      <c r="P43" s="11">
        <v>14931187600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178"/>
  <sheetViews>
    <sheetView showGridLines="0" workbookViewId="0">
      <selection activeCell="J171" sqref="J171"/>
    </sheetView>
  </sheetViews>
  <sheetFormatPr defaultRowHeight="15" x14ac:dyDescent="0.25"/>
  <cols>
    <col min="1" max="1" width="3.7109375" bestFit="1" customWidth="1"/>
    <col min="2" max="2" width="55.28515625" bestFit="1" customWidth="1"/>
    <col min="3" max="3" width="19.140625" bestFit="1" customWidth="1"/>
    <col min="4" max="4" width="17.42578125" bestFit="1" customWidth="1"/>
    <col min="5" max="6" width="17.28515625" bestFit="1" customWidth="1"/>
    <col min="7" max="7" width="5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575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576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577</v>
      </c>
      <c r="C10" s="10" t="s">
        <v>10</v>
      </c>
      <c r="D10" s="10" t="s">
        <v>578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7" x14ac:dyDescent="0.25">
      <c r="A12" s="3" t="s">
        <v>17</v>
      </c>
      <c r="B12" s="5" t="s">
        <v>579</v>
      </c>
      <c r="C12" s="11">
        <v>2580648200</v>
      </c>
      <c r="D12" s="11">
        <v>435361104.22000003</v>
      </c>
    </row>
    <row r="13" spans="1:7" x14ac:dyDescent="0.25">
      <c r="A13" s="3" t="s">
        <v>19</v>
      </c>
      <c r="B13" s="5" t="s">
        <v>580</v>
      </c>
      <c r="C13" s="11">
        <v>644053500</v>
      </c>
      <c r="D13" s="11">
        <v>158751706.93000001</v>
      </c>
    </row>
    <row r="14" spans="1:7" x14ac:dyDescent="0.25">
      <c r="A14" s="2" t="s">
        <v>21</v>
      </c>
      <c r="B14" s="4" t="s">
        <v>581</v>
      </c>
      <c r="C14" s="12">
        <v>319525800</v>
      </c>
      <c r="D14" s="12">
        <v>65228999.149999999</v>
      </c>
    </row>
    <row r="15" spans="1:7" x14ac:dyDescent="0.25">
      <c r="A15" s="2" t="s">
        <v>23</v>
      </c>
      <c r="B15" s="4" t="s">
        <v>582</v>
      </c>
      <c r="C15" s="12">
        <v>246172500</v>
      </c>
      <c r="D15" s="12">
        <v>82296353.969999999</v>
      </c>
    </row>
    <row r="16" spans="1:7" x14ac:dyDescent="0.25">
      <c r="A16" s="2" t="s">
        <v>25</v>
      </c>
      <c r="B16" s="4" t="s">
        <v>583</v>
      </c>
      <c r="C16" s="12">
        <v>78355200</v>
      </c>
      <c r="D16" s="12">
        <v>11226353.810000001</v>
      </c>
    </row>
    <row r="17" spans="1:4" x14ac:dyDescent="0.25">
      <c r="A17" s="3" t="s">
        <v>27</v>
      </c>
      <c r="B17" s="5" t="s">
        <v>584</v>
      </c>
      <c r="C17" s="11">
        <v>1519441800</v>
      </c>
      <c r="D17" s="11">
        <v>275749003.06999999</v>
      </c>
    </row>
    <row r="18" spans="1:4" x14ac:dyDescent="0.25">
      <c r="A18" s="2" t="s">
        <v>29</v>
      </c>
      <c r="B18" s="4" t="s">
        <v>581</v>
      </c>
      <c r="C18" s="12">
        <v>978376600</v>
      </c>
      <c r="D18" s="12">
        <v>197603374.63999999</v>
      </c>
    </row>
    <row r="19" spans="1:4" x14ac:dyDescent="0.25">
      <c r="A19" s="2" t="s">
        <v>31</v>
      </c>
      <c r="B19" s="4" t="s">
        <v>582</v>
      </c>
      <c r="C19" s="12">
        <v>467957000</v>
      </c>
      <c r="D19" s="12">
        <v>64466569.590000004</v>
      </c>
    </row>
    <row r="20" spans="1:4" x14ac:dyDescent="0.25">
      <c r="A20" s="2" t="s">
        <v>33</v>
      </c>
      <c r="B20" s="4" t="s">
        <v>583</v>
      </c>
      <c r="C20" s="12">
        <v>73108200</v>
      </c>
      <c r="D20" s="12">
        <v>13679058.84</v>
      </c>
    </row>
    <row r="21" spans="1:4" x14ac:dyDescent="0.25">
      <c r="A21" s="3" t="s">
        <v>35</v>
      </c>
      <c r="B21" s="5" t="s">
        <v>585</v>
      </c>
      <c r="C21" s="11">
        <v>899000</v>
      </c>
      <c r="D21" s="11">
        <v>745442.08</v>
      </c>
    </row>
    <row r="22" spans="1:4" x14ac:dyDescent="0.25">
      <c r="A22" s="2" t="s">
        <v>37</v>
      </c>
      <c r="B22" s="4" t="s">
        <v>586</v>
      </c>
      <c r="C22" s="12">
        <v>0</v>
      </c>
      <c r="D22" s="12">
        <v>0</v>
      </c>
    </row>
    <row r="23" spans="1:4" x14ac:dyDescent="0.25">
      <c r="A23" s="2" t="s">
        <v>39</v>
      </c>
      <c r="B23" s="4" t="s">
        <v>587</v>
      </c>
      <c r="C23" s="12">
        <v>899000</v>
      </c>
      <c r="D23" s="12">
        <v>745442.08</v>
      </c>
    </row>
    <row r="24" spans="1:4" x14ac:dyDescent="0.25">
      <c r="A24" s="2" t="s">
        <v>41</v>
      </c>
      <c r="B24" s="4" t="s">
        <v>588</v>
      </c>
      <c r="C24" s="12">
        <v>0</v>
      </c>
      <c r="D24" s="12">
        <v>0</v>
      </c>
    </row>
    <row r="25" spans="1:4" x14ac:dyDescent="0.25">
      <c r="A25" s="2" t="s">
        <v>43</v>
      </c>
      <c r="B25" s="4" t="s">
        <v>589</v>
      </c>
      <c r="C25" s="12">
        <v>0</v>
      </c>
      <c r="D25" s="12">
        <v>0</v>
      </c>
    </row>
    <row r="26" spans="1:4" x14ac:dyDescent="0.25">
      <c r="A26" s="3" t="s">
        <v>45</v>
      </c>
      <c r="B26" s="5" t="s">
        <v>590</v>
      </c>
      <c r="C26" s="11">
        <v>416253900</v>
      </c>
      <c r="D26" s="11">
        <v>114952.14</v>
      </c>
    </row>
    <row r="27" spans="1:4" x14ac:dyDescent="0.25">
      <c r="A27" s="2" t="s">
        <v>47</v>
      </c>
      <c r="B27" s="4" t="s">
        <v>591</v>
      </c>
      <c r="C27" s="12">
        <v>6538400</v>
      </c>
      <c r="D27" s="12">
        <v>0</v>
      </c>
    </row>
    <row r="28" spans="1:4" x14ac:dyDescent="0.25">
      <c r="A28" s="2" t="s">
        <v>49</v>
      </c>
      <c r="B28" s="4" t="s">
        <v>592</v>
      </c>
      <c r="C28" s="12">
        <v>409715500</v>
      </c>
      <c r="D28" s="12">
        <v>0</v>
      </c>
    </row>
    <row r="29" spans="1:4" x14ac:dyDescent="0.25">
      <c r="A29" s="2" t="s">
        <v>51</v>
      </c>
      <c r="B29" s="4" t="s">
        <v>593</v>
      </c>
      <c r="C29" s="12">
        <v>0</v>
      </c>
      <c r="D29" s="12">
        <v>114952.14</v>
      </c>
    </row>
    <row r="30" spans="1:4" x14ac:dyDescent="0.25">
      <c r="A30" s="3" t="s">
        <v>53</v>
      </c>
      <c r="B30" s="5" t="s">
        <v>594</v>
      </c>
      <c r="C30" s="11">
        <v>0</v>
      </c>
      <c r="D30" s="11">
        <v>0</v>
      </c>
    </row>
    <row r="31" spans="1:4" x14ac:dyDescent="0.25">
      <c r="A31" s="2" t="s">
        <v>55</v>
      </c>
      <c r="B31" s="4" t="s">
        <v>595</v>
      </c>
      <c r="C31" s="12">
        <v>0</v>
      </c>
      <c r="D31" s="12">
        <v>0</v>
      </c>
    </row>
    <row r="32" spans="1:4" x14ac:dyDescent="0.25">
      <c r="A32" s="2" t="s">
        <v>57</v>
      </c>
      <c r="B32" s="4" t="s">
        <v>596</v>
      </c>
      <c r="C32" s="12">
        <v>0</v>
      </c>
      <c r="D32" s="12">
        <v>0</v>
      </c>
    </row>
    <row r="33" spans="1:7" x14ac:dyDescent="0.25">
      <c r="A33" s="2" t="s">
        <v>59</v>
      </c>
      <c r="B33" s="4" t="s">
        <v>597</v>
      </c>
      <c r="C33" s="12">
        <v>0</v>
      </c>
      <c r="D33" s="12">
        <v>0</v>
      </c>
    </row>
    <row r="34" spans="1:7" x14ac:dyDescent="0.25">
      <c r="A34" s="2" t="s">
        <v>61</v>
      </c>
      <c r="B34" s="4" t="s">
        <v>598</v>
      </c>
      <c r="C34" s="12">
        <v>2170932700</v>
      </c>
      <c r="D34" s="12">
        <v>435361104.22000003</v>
      </c>
    </row>
    <row r="36" spans="1:7" x14ac:dyDescent="0.25">
      <c r="A36" s="10" t="s">
        <v>6</v>
      </c>
      <c r="B36" s="10" t="s">
        <v>599</v>
      </c>
      <c r="C36" s="10" t="s">
        <v>600</v>
      </c>
      <c r="D36" s="10" t="s">
        <v>601</v>
      </c>
      <c r="E36" s="10" t="s">
        <v>602</v>
      </c>
      <c r="F36" s="10" t="s">
        <v>603</v>
      </c>
      <c r="G36" s="10" t="s">
        <v>604</v>
      </c>
    </row>
    <row r="37" spans="1:7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0" t="s">
        <v>7</v>
      </c>
      <c r="F37" s="10" t="s">
        <v>7</v>
      </c>
      <c r="G37" s="10" t="s">
        <v>7</v>
      </c>
    </row>
    <row r="38" spans="1:7" x14ac:dyDescent="0.25">
      <c r="A38" s="3" t="s">
        <v>63</v>
      </c>
      <c r="B38" s="5" t="s">
        <v>605</v>
      </c>
      <c r="C38" s="11">
        <v>2573568200</v>
      </c>
      <c r="D38" s="11">
        <v>545514261.44000006</v>
      </c>
      <c r="E38" s="11">
        <v>521238396.42000002</v>
      </c>
      <c r="F38" s="11">
        <v>521238396.42000002</v>
      </c>
      <c r="G38" s="11">
        <v>0</v>
      </c>
    </row>
    <row r="39" spans="1:7" x14ac:dyDescent="0.25">
      <c r="A39" s="2" t="s">
        <v>65</v>
      </c>
      <c r="B39" s="4" t="s">
        <v>606</v>
      </c>
      <c r="C39" s="12">
        <v>2152262100</v>
      </c>
      <c r="D39" s="12">
        <v>471742418.92000002</v>
      </c>
      <c r="E39" s="12">
        <v>450514865.26999998</v>
      </c>
      <c r="F39" s="12">
        <v>450514865.26999998</v>
      </c>
      <c r="G39" s="12">
        <v>0</v>
      </c>
    </row>
    <row r="40" spans="1:7" x14ac:dyDescent="0.25">
      <c r="A40" s="2" t="s">
        <v>67</v>
      </c>
      <c r="B40" s="4" t="s">
        <v>607</v>
      </c>
      <c r="C40" s="12">
        <v>421306100</v>
      </c>
      <c r="D40" s="12">
        <v>73771842.519999996</v>
      </c>
      <c r="E40" s="12">
        <v>70723531.150000006</v>
      </c>
      <c r="F40" s="12">
        <v>70723531.150000006</v>
      </c>
      <c r="G40" s="12">
        <v>0</v>
      </c>
    </row>
    <row r="41" spans="1:7" x14ac:dyDescent="0.25">
      <c r="A41" s="3" t="s">
        <v>69</v>
      </c>
      <c r="B41" s="5" t="s">
        <v>608</v>
      </c>
      <c r="C41" s="11">
        <v>7080000</v>
      </c>
      <c r="D41" s="11">
        <v>5249042.5599999996</v>
      </c>
      <c r="E41" s="11">
        <v>5210554.07</v>
      </c>
      <c r="F41" s="11">
        <v>4904912.08</v>
      </c>
      <c r="G41" s="11">
        <v>0</v>
      </c>
    </row>
    <row r="42" spans="1:7" x14ac:dyDescent="0.25">
      <c r="A42" s="2" t="s">
        <v>71</v>
      </c>
      <c r="B42" s="4" t="s">
        <v>591</v>
      </c>
      <c r="C42" s="12">
        <v>3213711.76</v>
      </c>
      <c r="D42" s="12">
        <v>3213611.76</v>
      </c>
      <c r="E42" s="12">
        <v>3213611.76</v>
      </c>
      <c r="F42" s="12">
        <v>2907969.77</v>
      </c>
      <c r="G42" s="12">
        <v>0</v>
      </c>
    </row>
    <row r="43" spans="1:7" x14ac:dyDescent="0.25">
      <c r="A43" s="2" t="s">
        <v>73</v>
      </c>
      <c r="B43" s="4" t="s">
        <v>609</v>
      </c>
      <c r="C43" s="12">
        <v>3866288.24</v>
      </c>
      <c r="D43" s="12">
        <v>2035430.8</v>
      </c>
      <c r="E43" s="12">
        <v>1996942.31</v>
      </c>
      <c r="F43" s="12">
        <v>1996942.31</v>
      </c>
      <c r="G43" s="12">
        <v>0</v>
      </c>
    </row>
    <row r="44" spans="1:7" x14ac:dyDescent="0.25">
      <c r="A44" s="3" t="s">
        <v>75</v>
      </c>
      <c r="B44" s="5" t="s">
        <v>610</v>
      </c>
      <c r="C44" s="11">
        <v>2580648200</v>
      </c>
      <c r="D44" s="11">
        <v>550763304</v>
      </c>
      <c r="E44" s="11">
        <v>526448950.49000001</v>
      </c>
      <c r="F44" s="11">
        <v>526143308.5</v>
      </c>
      <c r="G44" s="11">
        <v>0</v>
      </c>
    </row>
    <row r="46" spans="1:7" x14ac:dyDescent="0.25">
      <c r="A46" s="10" t="s">
        <v>6</v>
      </c>
      <c r="B46" s="10" t="s">
        <v>611</v>
      </c>
      <c r="C46" s="10" t="s">
        <v>600</v>
      </c>
      <c r="D46" s="10" t="s">
        <v>601</v>
      </c>
      <c r="E46" s="10" t="s">
        <v>602</v>
      </c>
      <c r="F46" s="10" t="s">
        <v>603</v>
      </c>
      <c r="G46" s="10" t="s">
        <v>604</v>
      </c>
    </row>
    <row r="47" spans="1:7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0" t="s">
        <v>7</v>
      </c>
      <c r="F47" s="10" t="s">
        <v>7</v>
      </c>
      <c r="G47" s="10" t="s">
        <v>7</v>
      </c>
    </row>
    <row r="48" spans="1:7" x14ac:dyDescent="0.25">
      <c r="A48" s="2" t="s">
        <v>77</v>
      </c>
      <c r="B48" s="4" t="s">
        <v>611</v>
      </c>
      <c r="C48" s="12">
        <v>-409715500</v>
      </c>
      <c r="D48" s="12">
        <v>-115402199.78</v>
      </c>
      <c r="E48" s="12">
        <v>-91087846.269999996</v>
      </c>
      <c r="F48" s="12">
        <v>-90782204.280000001</v>
      </c>
      <c r="G48" s="12">
        <v>0</v>
      </c>
    </row>
    <row r="50" spans="1:3" x14ac:dyDescent="0.25">
      <c r="A50" s="10" t="s">
        <v>6</v>
      </c>
      <c r="B50" s="10" t="s">
        <v>612</v>
      </c>
      <c r="C50" s="10" t="s">
        <v>613</v>
      </c>
    </row>
    <row r="51" spans="1:3" x14ac:dyDescent="0.25">
      <c r="A51" s="10" t="s">
        <v>7</v>
      </c>
      <c r="B51" s="10" t="s">
        <v>7</v>
      </c>
      <c r="C51" s="10" t="s">
        <v>7</v>
      </c>
    </row>
    <row r="52" spans="1:3" x14ac:dyDescent="0.25">
      <c r="A52" s="2" t="s">
        <v>79</v>
      </c>
      <c r="B52" s="4" t="s">
        <v>614</v>
      </c>
      <c r="C52" s="12">
        <v>0</v>
      </c>
    </row>
    <row r="54" spans="1:3" x14ac:dyDescent="0.25">
      <c r="A54" s="10" t="s">
        <v>6</v>
      </c>
      <c r="B54" s="10" t="s">
        <v>615</v>
      </c>
      <c r="C54" s="10" t="s">
        <v>613</v>
      </c>
    </row>
    <row r="55" spans="1:3" x14ac:dyDescent="0.25">
      <c r="A55" s="10" t="s">
        <v>7</v>
      </c>
      <c r="B55" s="10" t="s">
        <v>7</v>
      </c>
      <c r="C55" s="10" t="s">
        <v>7</v>
      </c>
    </row>
    <row r="56" spans="1:3" x14ac:dyDescent="0.25">
      <c r="A56" s="2" t="s">
        <v>81</v>
      </c>
      <c r="B56" s="4" t="s">
        <v>614</v>
      </c>
      <c r="C56" s="12">
        <v>153967500</v>
      </c>
    </row>
    <row r="58" spans="1:3" x14ac:dyDescent="0.25">
      <c r="A58" s="10" t="s">
        <v>6</v>
      </c>
      <c r="B58" s="10" t="s">
        <v>616</v>
      </c>
      <c r="C58" s="10" t="s">
        <v>617</v>
      </c>
    </row>
    <row r="59" spans="1:3" x14ac:dyDescent="0.25">
      <c r="A59" s="10" t="s">
        <v>7</v>
      </c>
      <c r="B59" s="10" t="s">
        <v>7</v>
      </c>
      <c r="C59" s="10" t="s">
        <v>7</v>
      </c>
    </row>
    <row r="60" spans="1:3" x14ac:dyDescent="0.25">
      <c r="A60" s="2" t="s">
        <v>83</v>
      </c>
      <c r="B60" s="4" t="s">
        <v>618</v>
      </c>
      <c r="C60" s="12">
        <v>0</v>
      </c>
    </row>
    <row r="61" spans="1:3" x14ac:dyDescent="0.25">
      <c r="A61" s="2" t="s">
        <v>85</v>
      </c>
      <c r="B61" s="4" t="s">
        <v>619</v>
      </c>
      <c r="C61" s="12">
        <v>0</v>
      </c>
    </row>
    <row r="62" spans="1:3" x14ac:dyDescent="0.25">
      <c r="A62" s="2" t="s">
        <v>87</v>
      </c>
      <c r="B62" s="4" t="s">
        <v>620</v>
      </c>
      <c r="C62" s="12">
        <v>62529186.609999999</v>
      </c>
    </row>
    <row r="63" spans="1:3" x14ac:dyDescent="0.25">
      <c r="A63" s="2" t="s">
        <v>89</v>
      </c>
      <c r="B63" s="4" t="s">
        <v>621</v>
      </c>
      <c r="C63" s="12">
        <v>7920136.2199999997</v>
      </c>
    </row>
    <row r="65" spans="1:4" x14ac:dyDescent="0.25">
      <c r="A65" s="10" t="s">
        <v>6</v>
      </c>
      <c r="B65" s="10" t="s">
        <v>622</v>
      </c>
      <c r="C65" s="10" t="s">
        <v>623</v>
      </c>
    </row>
    <row r="66" spans="1:4" x14ac:dyDescent="0.25">
      <c r="A66" s="10" t="s">
        <v>7</v>
      </c>
      <c r="B66" s="10" t="s">
        <v>7</v>
      </c>
      <c r="C66" s="10" t="s">
        <v>7</v>
      </c>
    </row>
    <row r="67" spans="1:4" x14ac:dyDescent="0.25">
      <c r="A67" s="2" t="s">
        <v>91</v>
      </c>
      <c r="B67" s="4" t="s">
        <v>624</v>
      </c>
      <c r="C67" s="12">
        <v>2282527.33</v>
      </c>
    </row>
    <row r="68" spans="1:4" x14ac:dyDescent="0.25">
      <c r="A68" s="2" t="s">
        <v>93</v>
      </c>
      <c r="B68" s="4" t="s">
        <v>625</v>
      </c>
      <c r="C68" s="12">
        <v>70915678.340000004</v>
      </c>
    </row>
    <row r="69" spans="1:4" x14ac:dyDescent="0.25">
      <c r="A69" s="2" t="s">
        <v>95</v>
      </c>
      <c r="B69" s="4" t="s">
        <v>626</v>
      </c>
      <c r="C69" s="12">
        <v>363422721.02999997</v>
      </c>
    </row>
    <row r="71" spans="1:4" x14ac:dyDescent="0.25">
      <c r="A71" s="10" t="s">
        <v>6</v>
      </c>
      <c r="B71" s="10" t="s">
        <v>627</v>
      </c>
      <c r="C71" s="10" t="s">
        <v>10</v>
      </c>
      <c r="D71" s="10" t="s">
        <v>578</v>
      </c>
    </row>
    <row r="72" spans="1:4" x14ac:dyDescent="0.25">
      <c r="A72" s="10" t="s">
        <v>7</v>
      </c>
      <c r="B72" s="10" t="s">
        <v>7</v>
      </c>
      <c r="C72" s="10" t="s">
        <v>7</v>
      </c>
      <c r="D72" s="10" t="s">
        <v>7</v>
      </c>
    </row>
    <row r="73" spans="1:4" x14ac:dyDescent="0.25">
      <c r="A73" s="3" t="s">
        <v>97</v>
      </c>
      <c r="B73" s="5" t="s">
        <v>628</v>
      </c>
      <c r="C73" s="11">
        <v>0</v>
      </c>
      <c r="D73" s="11">
        <v>0</v>
      </c>
    </row>
    <row r="74" spans="1:4" x14ac:dyDescent="0.25">
      <c r="A74" s="3" t="s">
        <v>99</v>
      </c>
      <c r="B74" s="5" t="s">
        <v>629</v>
      </c>
      <c r="C74" s="11">
        <v>0</v>
      </c>
      <c r="D74" s="11">
        <v>0</v>
      </c>
    </row>
    <row r="75" spans="1:4" x14ac:dyDescent="0.25">
      <c r="A75" s="2" t="s">
        <v>101</v>
      </c>
      <c r="B75" s="4" t="s">
        <v>630</v>
      </c>
      <c r="C75" s="12">
        <v>0</v>
      </c>
      <c r="D75" s="12">
        <v>0</v>
      </c>
    </row>
    <row r="76" spans="1:4" x14ac:dyDescent="0.25">
      <c r="A76" s="2" t="s">
        <v>103</v>
      </c>
      <c r="B76" s="4" t="s">
        <v>631</v>
      </c>
      <c r="C76" s="12">
        <v>0</v>
      </c>
      <c r="D76" s="12">
        <v>0</v>
      </c>
    </row>
    <row r="77" spans="1:4" x14ac:dyDescent="0.25">
      <c r="A77" s="2" t="s">
        <v>105</v>
      </c>
      <c r="B77" s="4" t="s">
        <v>632</v>
      </c>
      <c r="C77" s="12">
        <v>0</v>
      </c>
      <c r="D77" s="12">
        <v>0</v>
      </c>
    </row>
    <row r="78" spans="1:4" x14ac:dyDescent="0.25">
      <c r="A78" s="3" t="s">
        <v>107</v>
      </c>
      <c r="B78" s="5" t="s">
        <v>633</v>
      </c>
      <c r="C78" s="11">
        <v>0</v>
      </c>
      <c r="D78" s="11">
        <v>0</v>
      </c>
    </row>
    <row r="79" spans="1:4" x14ac:dyDescent="0.25">
      <c r="A79" s="2" t="s">
        <v>109</v>
      </c>
      <c r="B79" s="4" t="s">
        <v>630</v>
      </c>
      <c r="C79" s="12">
        <v>0</v>
      </c>
      <c r="D79" s="12">
        <v>0</v>
      </c>
    </row>
    <row r="80" spans="1:4" x14ac:dyDescent="0.25">
      <c r="A80" s="2" t="s">
        <v>111</v>
      </c>
      <c r="B80" s="4" t="s">
        <v>631</v>
      </c>
      <c r="C80" s="12">
        <v>0</v>
      </c>
      <c r="D80" s="12">
        <v>0</v>
      </c>
    </row>
    <row r="81" spans="1:7" x14ac:dyDescent="0.25">
      <c r="A81" s="2" t="s">
        <v>113</v>
      </c>
      <c r="B81" s="4" t="s">
        <v>632</v>
      </c>
      <c r="C81" s="12">
        <v>0</v>
      </c>
      <c r="D81" s="12">
        <v>0</v>
      </c>
    </row>
    <row r="82" spans="1:7" x14ac:dyDescent="0.25">
      <c r="A82" s="3" t="s">
        <v>115</v>
      </c>
      <c r="B82" s="5" t="s">
        <v>634</v>
      </c>
      <c r="C82" s="11">
        <v>0</v>
      </c>
      <c r="D82" s="11">
        <v>0</v>
      </c>
    </row>
    <row r="83" spans="1:7" x14ac:dyDescent="0.25">
      <c r="A83" s="2" t="s">
        <v>117</v>
      </c>
      <c r="B83" s="4" t="s">
        <v>635</v>
      </c>
      <c r="C83" s="12">
        <v>0</v>
      </c>
      <c r="D83" s="12">
        <v>0</v>
      </c>
    </row>
    <row r="84" spans="1:7" x14ac:dyDescent="0.25">
      <c r="A84" s="2" t="s">
        <v>119</v>
      </c>
      <c r="B84" s="4" t="s">
        <v>636</v>
      </c>
      <c r="C84" s="12">
        <v>0</v>
      </c>
      <c r="D84" s="12">
        <v>0</v>
      </c>
    </row>
    <row r="85" spans="1:7" x14ac:dyDescent="0.25">
      <c r="A85" s="2" t="s">
        <v>120</v>
      </c>
      <c r="B85" s="4" t="s">
        <v>637</v>
      </c>
      <c r="C85" s="12">
        <v>0</v>
      </c>
      <c r="D85" s="12">
        <v>0</v>
      </c>
    </row>
    <row r="86" spans="1:7" x14ac:dyDescent="0.25">
      <c r="A86" s="2" t="s">
        <v>121</v>
      </c>
      <c r="B86" s="4" t="s">
        <v>638</v>
      </c>
      <c r="C86" s="12">
        <v>0</v>
      </c>
      <c r="D86" s="12">
        <v>0</v>
      </c>
    </row>
    <row r="87" spans="1:7" x14ac:dyDescent="0.25">
      <c r="A87" s="3" t="s">
        <v>122</v>
      </c>
      <c r="B87" s="5" t="s">
        <v>639</v>
      </c>
      <c r="C87" s="11">
        <v>0</v>
      </c>
      <c r="D87" s="11">
        <v>0</v>
      </c>
    </row>
    <row r="88" spans="1:7" x14ac:dyDescent="0.25">
      <c r="A88" s="2" t="s">
        <v>123</v>
      </c>
      <c r="B88" s="4" t="s">
        <v>640</v>
      </c>
      <c r="C88" s="12">
        <v>0</v>
      </c>
      <c r="D88" s="12">
        <v>0</v>
      </c>
    </row>
    <row r="89" spans="1:7" x14ac:dyDescent="0.25">
      <c r="A89" s="2" t="s">
        <v>124</v>
      </c>
      <c r="B89" s="4" t="s">
        <v>308</v>
      </c>
      <c r="C89" s="12">
        <v>0</v>
      </c>
      <c r="D89" s="12">
        <v>0</v>
      </c>
    </row>
    <row r="90" spans="1:7" x14ac:dyDescent="0.25">
      <c r="A90" s="3" t="s">
        <v>125</v>
      </c>
      <c r="B90" s="5" t="s">
        <v>641</v>
      </c>
      <c r="C90" s="11">
        <v>0</v>
      </c>
      <c r="D90" s="11">
        <v>0</v>
      </c>
    </row>
    <row r="91" spans="1:7" x14ac:dyDescent="0.25">
      <c r="A91" s="2" t="s">
        <v>127</v>
      </c>
      <c r="B91" s="4" t="s">
        <v>642</v>
      </c>
      <c r="C91" s="12">
        <v>0</v>
      </c>
      <c r="D91" s="12">
        <v>0</v>
      </c>
    </row>
    <row r="92" spans="1:7" x14ac:dyDescent="0.25">
      <c r="A92" s="2" t="s">
        <v>129</v>
      </c>
      <c r="B92" s="4" t="s">
        <v>643</v>
      </c>
      <c r="C92" s="12">
        <v>0</v>
      </c>
      <c r="D92" s="12">
        <v>0</v>
      </c>
    </row>
    <row r="93" spans="1:7" x14ac:dyDescent="0.25">
      <c r="A93" s="2" t="s">
        <v>131</v>
      </c>
      <c r="B93" s="4" t="s">
        <v>644</v>
      </c>
      <c r="C93" s="12">
        <v>0</v>
      </c>
      <c r="D93" s="12">
        <v>0</v>
      </c>
    </row>
    <row r="94" spans="1:7" x14ac:dyDescent="0.25">
      <c r="A94" s="3" t="s">
        <v>133</v>
      </c>
      <c r="B94" s="5" t="s">
        <v>645</v>
      </c>
      <c r="C94" s="11">
        <v>0</v>
      </c>
      <c r="D94" s="11">
        <v>0</v>
      </c>
    </row>
    <row r="96" spans="1:7" x14ac:dyDescent="0.25">
      <c r="A96" s="10" t="s">
        <v>6</v>
      </c>
      <c r="B96" s="10" t="s">
        <v>646</v>
      </c>
      <c r="C96" s="10" t="s">
        <v>600</v>
      </c>
      <c r="D96" s="10" t="s">
        <v>601</v>
      </c>
      <c r="E96" s="10" t="s">
        <v>602</v>
      </c>
      <c r="F96" s="10" t="s">
        <v>603</v>
      </c>
      <c r="G96" s="10" t="s">
        <v>604</v>
      </c>
    </row>
    <row r="97" spans="1:7" x14ac:dyDescent="0.25">
      <c r="A97" s="10" t="s">
        <v>7</v>
      </c>
      <c r="B97" s="10" t="s">
        <v>7</v>
      </c>
      <c r="C97" s="10" t="s">
        <v>7</v>
      </c>
      <c r="D97" s="10" t="s">
        <v>7</v>
      </c>
      <c r="E97" s="10" t="s">
        <v>7</v>
      </c>
      <c r="F97" s="10" t="s">
        <v>7</v>
      </c>
      <c r="G97" s="10" t="s">
        <v>7</v>
      </c>
    </row>
    <row r="98" spans="1:7" x14ac:dyDescent="0.25">
      <c r="A98" s="3" t="s">
        <v>135</v>
      </c>
      <c r="B98" s="5" t="s">
        <v>605</v>
      </c>
      <c r="C98" s="11">
        <v>0</v>
      </c>
      <c r="D98" s="11">
        <v>0</v>
      </c>
      <c r="E98" s="11">
        <v>0</v>
      </c>
      <c r="F98" s="11">
        <v>0</v>
      </c>
      <c r="G98" s="11">
        <v>0</v>
      </c>
    </row>
    <row r="99" spans="1:7" x14ac:dyDescent="0.25">
      <c r="A99" s="2" t="s">
        <v>137</v>
      </c>
      <c r="B99" s="4" t="s">
        <v>647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</row>
    <row r="100" spans="1:7" x14ac:dyDescent="0.25">
      <c r="A100" s="2" t="s">
        <v>139</v>
      </c>
      <c r="B100" s="4" t="s">
        <v>607</v>
      </c>
      <c r="C100" s="12">
        <v>0</v>
      </c>
      <c r="D100" s="12">
        <v>0</v>
      </c>
      <c r="E100" s="12">
        <v>0</v>
      </c>
      <c r="F100" s="12">
        <v>0</v>
      </c>
      <c r="G100" s="12">
        <v>0</v>
      </c>
    </row>
    <row r="101" spans="1:7" x14ac:dyDescent="0.25">
      <c r="A101" s="3" t="s">
        <v>141</v>
      </c>
      <c r="B101" s="5" t="s">
        <v>608</v>
      </c>
      <c r="C101" s="11">
        <v>0</v>
      </c>
      <c r="D101" s="11">
        <v>0</v>
      </c>
      <c r="E101" s="11">
        <v>0</v>
      </c>
      <c r="F101" s="11">
        <v>0</v>
      </c>
      <c r="G101" s="11">
        <v>0</v>
      </c>
    </row>
    <row r="102" spans="1:7" x14ac:dyDescent="0.25">
      <c r="A102" s="2" t="s">
        <v>143</v>
      </c>
      <c r="B102" s="4" t="s">
        <v>591</v>
      </c>
      <c r="C102" s="12">
        <v>0</v>
      </c>
      <c r="D102" s="12">
        <v>0</v>
      </c>
      <c r="E102" s="12">
        <v>0</v>
      </c>
      <c r="F102" s="12">
        <v>0</v>
      </c>
      <c r="G102" s="12">
        <v>0</v>
      </c>
    </row>
    <row r="103" spans="1:7" x14ac:dyDescent="0.25">
      <c r="A103" s="2" t="s">
        <v>145</v>
      </c>
      <c r="B103" s="4" t="s">
        <v>609</v>
      </c>
      <c r="C103" s="12">
        <v>0</v>
      </c>
      <c r="D103" s="12">
        <v>0</v>
      </c>
      <c r="E103" s="12">
        <v>0</v>
      </c>
      <c r="F103" s="12">
        <v>0</v>
      </c>
      <c r="G103" s="12">
        <v>0</v>
      </c>
    </row>
    <row r="104" spans="1:7" x14ac:dyDescent="0.25">
      <c r="A104" s="3" t="s">
        <v>147</v>
      </c>
      <c r="B104" s="5" t="s">
        <v>648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</row>
    <row r="106" spans="1:7" x14ac:dyDescent="0.25">
      <c r="A106" s="10" t="s">
        <v>6</v>
      </c>
      <c r="B106" s="10" t="s">
        <v>649</v>
      </c>
      <c r="C106" s="10" t="s">
        <v>600</v>
      </c>
      <c r="D106" s="10" t="s">
        <v>601</v>
      </c>
      <c r="E106" s="10" t="s">
        <v>602</v>
      </c>
      <c r="F106" s="10" t="s">
        <v>603</v>
      </c>
      <c r="G106" s="10" t="s">
        <v>604</v>
      </c>
    </row>
    <row r="107" spans="1:7" x14ac:dyDescent="0.25">
      <c r="A107" s="10" t="s">
        <v>7</v>
      </c>
      <c r="B107" s="10" t="s">
        <v>7</v>
      </c>
      <c r="C107" s="10" t="s">
        <v>7</v>
      </c>
      <c r="D107" s="10" t="s">
        <v>7</v>
      </c>
      <c r="E107" s="10" t="s">
        <v>7</v>
      </c>
      <c r="F107" s="10" t="s">
        <v>7</v>
      </c>
      <c r="G107" s="10" t="s">
        <v>7</v>
      </c>
    </row>
    <row r="108" spans="1:7" x14ac:dyDescent="0.25">
      <c r="A108" s="2" t="s">
        <v>149</v>
      </c>
      <c r="B108" s="4" t="s">
        <v>650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</row>
    <row r="110" spans="1:7" x14ac:dyDescent="0.25">
      <c r="A110" s="10" t="s">
        <v>6</v>
      </c>
      <c r="B110" s="10" t="s">
        <v>651</v>
      </c>
      <c r="C110" s="10" t="s">
        <v>617</v>
      </c>
    </row>
    <row r="111" spans="1:7" x14ac:dyDescent="0.25">
      <c r="A111" s="10" t="s">
        <v>7</v>
      </c>
      <c r="B111" s="10" t="s">
        <v>7</v>
      </c>
      <c r="C111" s="10" t="s">
        <v>7</v>
      </c>
    </row>
    <row r="112" spans="1:7" x14ac:dyDescent="0.25">
      <c r="A112" s="2" t="s">
        <v>151</v>
      </c>
      <c r="B112" s="4" t="s">
        <v>652</v>
      </c>
      <c r="C112" s="12">
        <v>0</v>
      </c>
    </row>
    <row r="113" spans="1:7" x14ac:dyDescent="0.25">
      <c r="A113" s="2" t="s">
        <v>153</v>
      </c>
      <c r="B113" s="4" t="s">
        <v>653</v>
      </c>
      <c r="C113" s="12">
        <v>0</v>
      </c>
    </row>
    <row r="115" spans="1:7" x14ac:dyDescent="0.25">
      <c r="A115" s="10" t="s">
        <v>6</v>
      </c>
      <c r="B115" s="10" t="s">
        <v>654</v>
      </c>
      <c r="C115" s="10" t="s">
        <v>623</v>
      </c>
    </row>
    <row r="116" spans="1:7" x14ac:dyDescent="0.25">
      <c r="A116" s="10" t="s">
        <v>7</v>
      </c>
      <c r="B116" s="10" t="s">
        <v>7</v>
      </c>
      <c r="C116" s="10" t="s">
        <v>7</v>
      </c>
    </row>
    <row r="117" spans="1:7" x14ac:dyDescent="0.25">
      <c r="A117" s="2" t="s">
        <v>154</v>
      </c>
      <c r="B117" s="4" t="s">
        <v>624</v>
      </c>
      <c r="C117" s="12">
        <v>0</v>
      </c>
    </row>
    <row r="118" spans="1:7" x14ac:dyDescent="0.25">
      <c r="A118" s="2" t="s">
        <v>155</v>
      </c>
      <c r="B118" s="4" t="s">
        <v>625</v>
      </c>
      <c r="C118" s="12">
        <v>0</v>
      </c>
    </row>
    <row r="119" spans="1:7" x14ac:dyDescent="0.25">
      <c r="A119" s="2" t="s">
        <v>157</v>
      </c>
      <c r="B119" s="4" t="s">
        <v>626</v>
      </c>
      <c r="C119" s="12">
        <v>0</v>
      </c>
    </row>
    <row r="121" spans="1:7" x14ac:dyDescent="0.25">
      <c r="A121" s="10" t="s">
        <v>6</v>
      </c>
      <c r="B121" s="10" t="s">
        <v>655</v>
      </c>
      <c r="C121" s="10" t="s">
        <v>10</v>
      </c>
      <c r="D121" s="10" t="s">
        <v>578</v>
      </c>
    </row>
    <row r="122" spans="1:7" x14ac:dyDescent="0.25">
      <c r="A122" s="10" t="s">
        <v>7</v>
      </c>
      <c r="B122" s="10" t="s">
        <v>7</v>
      </c>
      <c r="C122" s="10" t="s">
        <v>7</v>
      </c>
      <c r="D122" s="10" t="s">
        <v>7</v>
      </c>
    </row>
    <row r="123" spans="1:7" x14ac:dyDescent="0.25">
      <c r="A123" s="2" t="s">
        <v>159</v>
      </c>
      <c r="B123" s="4" t="s">
        <v>656</v>
      </c>
      <c r="C123" s="12">
        <v>12420000</v>
      </c>
      <c r="D123" s="12">
        <v>1500114.28</v>
      </c>
    </row>
    <row r="124" spans="1:7" x14ac:dyDescent="0.25">
      <c r="A124" s="2" t="s">
        <v>161</v>
      </c>
      <c r="B124" s="4" t="s">
        <v>657</v>
      </c>
      <c r="C124" s="12">
        <v>12420000</v>
      </c>
      <c r="D124" s="12">
        <v>1500114.28</v>
      </c>
    </row>
    <row r="126" spans="1:7" x14ac:dyDescent="0.25">
      <c r="A126" s="10" t="s">
        <v>6</v>
      </c>
      <c r="B126" s="10" t="s">
        <v>658</v>
      </c>
      <c r="C126" s="10" t="s">
        <v>600</v>
      </c>
      <c r="D126" s="10" t="s">
        <v>601</v>
      </c>
      <c r="E126" s="10" t="s">
        <v>602</v>
      </c>
      <c r="F126" s="10" t="s">
        <v>603</v>
      </c>
      <c r="G126" s="10" t="s">
        <v>604</v>
      </c>
    </row>
    <row r="127" spans="1:7" x14ac:dyDescent="0.25">
      <c r="A127" s="10" t="s">
        <v>7</v>
      </c>
      <c r="B127" s="10" t="s">
        <v>7</v>
      </c>
      <c r="C127" s="10" t="s">
        <v>7</v>
      </c>
      <c r="D127" s="10" t="s">
        <v>7</v>
      </c>
      <c r="E127" s="10" t="s">
        <v>7</v>
      </c>
      <c r="F127" s="10" t="s">
        <v>7</v>
      </c>
      <c r="G127" s="10" t="s">
        <v>7</v>
      </c>
    </row>
    <row r="128" spans="1:7" x14ac:dyDescent="0.25">
      <c r="A128" s="3" t="s">
        <v>163</v>
      </c>
      <c r="B128" s="5" t="s">
        <v>659</v>
      </c>
      <c r="C128" s="11">
        <v>12420000</v>
      </c>
      <c r="D128" s="11">
        <v>1461274.79</v>
      </c>
      <c r="E128" s="11">
        <v>1305279.3799999999</v>
      </c>
      <c r="F128" s="11">
        <v>1287659.3799999999</v>
      </c>
      <c r="G128" s="11">
        <v>0</v>
      </c>
    </row>
    <row r="129" spans="1:7" x14ac:dyDescent="0.25">
      <c r="A129" s="2" t="s">
        <v>165</v>
      </c>
      <c r="B129" s="4" t="s">
        <v>660</v>
      </c>
      <c r="C129" s="12">
        <v>3400000</v>
      </c>
      <c r="D129" s="12">
        <v>776356.61</v>
      </c>
      <c r="E129" s="12">
        <v>751102.24</v>
      </c>
      <c r="F129" s="12">
        <v>751102.24</v>
      </c>
      <c r="G129" s="12">
        <v>0</v>
      </c>
    </row>
    <row r="130" spans="1:7" x14ac:dyDescent="0.25">
      <c r="A130" s="2" t="s">
        <v>178</v>
      </c>
      <c r="B130" s="4" t="s">
        <v>661</v>
      </c>
      <c r="C130" s="12">
        <v>9020000</v>
      </c>
      <c r="D130" s="12">
        <v>684918.18</v>
      </c>
      <c r="E130" s="12">
        <v>554177.14</v>
      </c>
      <c r="F130" s="12">
        <v>536557.14</v>
      </c>
      <c r="G130" s="12">
        <v>0</v>
      </c>
    </row>
    <row r="131" spans="1:7" x14ac:dyDescent="0.25">
      <c r="A131" s="2" t="s">
        <v>180</v>
      </c>
      <c r="B131" s="4" t="s">
        <v>662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</row>
    <row r="132" spans="1:7" x14ac:dyDescent="0.25">
      <c r="A132" s="3" t="s">
        <v>182</v>
      </c>
      <c r="B132" s="5" t="s">
        <v>663</v>
      </c>
      <c r="C132" s="11">
        <v>12420000</v>
      </c>
      <c r="D132" s="11">
        <v>1461274.79</v>
      </c>
      <c r="E132" s="11">
        <v>1305279.3799999999</v>
      </c>
      <c r="F132" s="11">
        <v>1287659.3799999999</v>
      </c>
      <c r="G132" s="11">
        <v>0</v>
      </c>
    </row>
    <row r="134" spans="1:7" x14ac:dyDescent="0.25">
      <c r="A134" s="10" t="s">
        <v>6</v>
      </c>
      <c r="B134" s="10" t="s">
        <v>7</v>
      </c>
      <c r="C134" s="10" t="s">
        <v>600</v>
      </c>
      <c r="D134" s="10" t="s">
        <v>601</v>
      </c>
      <c r="E134" s="10" t="s">
        <v>602</v>
      </c>
      <c r="F134" s="10" t="s">
        <v>603</v>
      </c>
      <c r="G134" s="10" t="s">
        <v>604</v>
      </c>
    </row>
    <row r="135" spans="1:7" x14ac:dyDescent="0.25">
      <c r="A135" s="10" t="s">
        <v>7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0" t="s">
        <v>7</v>
      </c>
    </row>
    <row r="136" spans="1:7" x14ac:dyDescent="0.25">
      <c r="A136" s="2" t="s">
        <v>184</v>
      </c>
      <c r="B136" s="4" t="s">
        <v>664</v>
      </c>
      <c r="C136" s="12">
        <v>0</v>
      </c>
      <c r="D136" s="12">
        <v>38839.49</v>
      </c>
      <c r="E136" s="12">
        <v>194834.9</v>
      </c>
      <c r="F136" s="12">
        <v>212454.9</v>
      </c>
      <c r="G136" s="12">
        <v>0</v>
      </c>
    </row>
    <row r="138" spans="1:7" x14ac:dyDescent="0.25">
      <c r="A138" s="10" t="s">
        <v>6</v>
      </c>
      <c r="B138" s="10" t="s">
        <v>665</v>
      </c>
      <c r="C138" s="10" t="s">
        <v>623</v>
      </c>
    </row>
    <row r="139" spans="1:7" x14ac:dyDescent="0.25">
      <c r="A139" s="10" t="s">
        <v>7</v>
      </c>
      <c r="B139" s="10" t="s">
        <v>7</v>
      </c>
      <c r="C139" s="10" t="s">
        <v>7</v>
      </c>
    </row>
    <row r="140" spans="1:7" x14ac:dyDescent="0.25">
      <c r="A140" s="2" t="s">
        <v>186</v>
      </c>
      <c r="B140" s="4" t="s">
        <v>624</v>
      </c>
      <c r="C140" s="12">
        <v>333208.42</v>
      </c>
    </row>
    <row r="141" spans="1:7" x14ac:dyDescent="0.25">
      <c r="A141" s="2" t="s">
        <v>188</v>
      </c>
      <c r="B141" s="4" t="s">
        <v>625</v>
      </c>
      <c r="C141" s="12">
        <v>0</v>
      </c>
    </row>
    <row r="142" spans="1:7" x14ac:dyDescent="0.25">
      <c r="A142" s="2" t="s">
        <v>190</v>
      </c>
      <c r="B142" s="4" t="s">
        <v>626</v>
      </c>
      <c r="C142" s="12">
        <v>0</v>
      </c>
    </row>
    <row r="144" spans="1:7" x14ac:dyDescent="0.25">
      <c r="A144" s="10" t="s">
        <v>6</v>
      </c>
      <c r="B144" s="10" t="s">
        <v>666</v>
      </c>
      <c r="C144" s="10" t="s">
        <v>10</v>
      </c>
      <c r="D144" s="10" t="s">
        <v>578</v>
      </c>
    </row>
    <row r="145" spans="1:7" x14ac:dyDescent="0.25">
      <c r="A145" s="10" t="s">
        <v>7</v>
      </c>
      <c r="B145" s="10" t="s">
        <v>7</v>
      </c>
      <c r="C145" s="10" t="s">
        <v>7</v>
      </c>
      <c r="D145" s="10" t="s">
        <v>7</v>
      </c>
    </row>
    <row r="146" spans="1:7" x14ac:dyDescent="0.25">
      <c r="A146" s="2" t="s">
        <v>192</v>
      </c>
      <c r="B146" s="4" t="s">
        <v>667</v>
      </c>
      <c r="C146" s="12">
        <v>0</v>
      </c>
      <c r="D146" s="12">
        <v>0</v>
      </c>
    </row>
    <row r="147" spans="1:7" x14ac:dyDescent="0.25">
      <c r="A147" s="2" t="s">
        <v>194</v>
      </c>
      <c r="B147" s="4" t="s">
        <v>668</v>
      </c>
      <c r="C147" s="12">
        <v>0</v>
      </c>
      <c r="D147" s="12">
        <v>0</v>
      </c>
    </row>
    <row r="148" spans="1:7" x14ac:dyDescent="0.25">
      <c r="A148" s="3" t="s">
        <v>196</v>
      </c>
      <c r="B148" s="5" t="s">
        <v>669</v>
      </c>
      <c r="C148" s="11">
        <v>0</v>
      </c>
      <c r="D148" s="11">
        <v>0</v>
      </c>
    </row>
    <row r="150" spans="1:7" x14ac:dyDescent="0.25">
      <c r="A150" s="10" t="s">
        <v>6</v>
      </c>
      <c r="B150" s="10" t="s">
        <v>670</v>
      </c>
      <c r="C150" s="10" t="s">
        <v>600</v>
      </c>
      <c r="D150" s="10" t="s">
        <v>601</v>
      </c>
      <c r="E150" s="10" t="s">
        <v>602</v>
      </c>
      <c r="F150" s="10" t="s">
        <v>603</v>
      </c>
      <c r="G150" s="10" t="s">
        <v>604</v>
      </c>
    </row>
    <row r="151" spans="1:7" x14ac:dyDescent="0.25">
      <c r="A151" s="10" t="s">
        <v>7</v>
      </c>
      <c r="B151" s="10" t="s">
        <v>7</v>
      </c>
      <c r="C151" s="10" t="s">
        <v>7</v>
      </c>
      <c r="D151" s="10" t="s">
        <v>7</v>
      </c>
      <c r="E151" s="10" t="s">
        <v>7</v>
      </c>
      <c r="F151" s="10" t="s">
        <v>7</v>
      </c>
      <c r="G151" s="10" t="s">
        <v>7</v>
      </c>
    </row>
    <row r="152" spans="1:7" x14ac:dyDescent="0.25">
      <c r="A152" s="2" t="s">
        <v>198</v>
      </c>
      <c r="B152" s="4" t="s">
        <v>671</v>
      </c>
      <c r="C152" s="12">
        <v>614822775.66999996</v>
      </c>
      <c r="D152" s="12">
        <v>82229138.560000002</v>
      </c>
      <c r="E152" s="12">
        <v>81174992.209999993</v>
      </c>
      <c r="F152" s="12">
        <v>81174992.209999993</v>
      </c>
      <c r="G152" s="12">
        <v>0</v>
      </c>
    </row>
    <row r="153" spans="1:7" x14ac:dyDescent="0.25">
      <c r="A153" s="2" t="s">
        <v>200</v>
      </c>
      <c r="B153" s="4" t="s">
        <v>672</v>
      </c>
      <c r="C153" s="12">
        <v>31970746.850000001</v>
      </c>
      <c r="D153" s="12">
        <v>14208171.810000001</v>
      </c>
      <c r="E153" s="12">
        <v>13932027.76</v>
      </c>
      <c r="F153" s="12">
        <v>13932027.76</v>
      </c>
      <c r="G153" s="12">
        <v>0</v>
      </c>
    </row>
    <row r="154" spans="1:7" x14ac:dyDescent="0.25">
      <c r="A154" s="2" t="s">
        <v>202</v>
      </c>
      <c r="B154" s="4" t="s">
        <v>608</v>
      </c>
      <c r="C154" s="12">
        <v>4884276.49</v>
      </c>
      <c r="D154" s="12">
        <v>184106.4</v>
      </c>
      <c r="E154" s="12">
        <v>184006.8</v>
      </c>
      <c r="F154" s="12">
        <v>184006.8</v>
      </c>
      <c r="G154" s="12">
        <v>0</v>
      </c>
    </row>
    <row r="155" spans="1:7" x14ac:dyDescent="0.25">
      <c r="A155" s="3" t="s">
        <v>204</v>
      </c>
      <c r="B155" s="5" t="s">
        <v>673</v>
      </c>
      <c r="C155" s="11">
        <v>651677799.00999999</v>
      </c>
      <c r="D155" s="11">
        <v>96621416.769999996</v>
      </c>
      <c r="E155" s="11">
        <v>95291026.769999996</v>
      </c>
      <c r="F155" s="11">
        <v>95291026.769999996</v>
      </c>
      <c r="G155" s="11">
        <v>0</v>
      </c>
    </row>
    <row r="157" spans="1:7" x14ac:dyDescent="0.25">
      <c r="A157" s="10" t="s">
        <v>6</v>
      </c>
      <c r="B157" s="10" t="s">
        <v>7</v>
      </c>
      <c r="C157" s="10" t="s">
        <v>600</v>
      </c>
      <c r="D157" s="10" t="s">
        <v>601</v>
      </c>
      <c r="E157" s="10" t="s">
        <v>602</v>
      </c>
      <c r="F157" s="10" t="s">
        <v>603</v>
      </c>
      <c r="G157" s="10" t="s">
        <v>604</v>
      </c>
    </row>
    <row r="158" spans="1:7" x14ac:dyDescent="0.25">
      <c r="A158" s="10" t="s">
        <v>7</v>
      </c>
      <c r="B158" s="10" t="s">
        <v>7</v>
      </c>
      <c r="C158" s="10" t="s">
        <v>7</v>
      </c>
      <c r="D158" s="10" t="s">
        <v>7</v>
      </c>
      <c r="E158" s="10" t="s">
        <v>7</v>
      </c>
      <c r="F158" s="10" t="s">
        <v>7</v>
      </c>
      <c r="G158" s="10" t="s">
        <v>7</v>
      </c>
    </row>
    <row r="159" spans="1:7" x14ac:dyDescent="0.25">
      <c r="A159" s="2" t="s">
        <v>206</v>
      </c>
      <c r="B159" s="4" t="s">
        <v>674</v>
      </c>
      <c r="C159" s="12">
        <v>-651677799.00999999</v>
      </c>
      <c r="D159" s="12">
        <v>-96621416.769999996</v>
      </c>
      <c r="E159" s="12">
        <v>-95291026.769999996</v>
      </c>
      <c r="F159" s="12">
        <v>-95291026.769999996</v>
      </c>
      <c r="G159" s="12">
        <v>0</v>
      </c>
    </row>
    <row r="161" spans="1:7" x14ac:dyDescent="0.25">
      <c r="A161" s="10" t="s">
        <v>6</v>
      </c>
      <c r="B161" s="10" t="s">
        <v>675</v>
      </c>
      <c r="C161" s="10" t="s">
        <v>10</v>
      </c>
      <c r="D161" s="10" t="s">
        <v>578</v>
      </c>
    </row>
    <row r="162" spans="1:7" x14ac:dyDescent="0.25">
      <c r="A162" s="10" t="s">
        <v>7</v>
      </c>
      <c r="B162" s="10" t="s">
        <v>7</v>
      </c>
      <c r="C162" s="10" t="s">
        <v>7</v>
      </c>
      <c r="D162" s="10" t="s">
        <v>7</v>
      </c>
    </row>
    <row r="163" spans="1:7" x14ac:dyDescent="0.25">
      <c r="A163" s="2" t="s">
        <v>208</v>
      </c>
      <c r="B163" s="4" t="s">
        <v>676</v>
      </c>
      <c r="C163" s="12">
        <v>27533500</v>
      </c>
      <c r="D163" s="12">
        <v>11074943.77</v>
      </c>
    </row>
    <row r="164" spans="1:7" x14ac:dyDescent="0.25">
      <c r="A164" s="2" t="s">
        <v>210</v>
      </c>
      <c r="B164" s="4" t="s">
        <v>677</v>
      </c>
      <c r="C164" s="12">
        <v>24936000</v>
      </c>
      <c r="D164" s="12">
        <v>9878632.4499999993</v>
      </c>
    </row>
    <row r="165" spans="1:7" x14ac:dyDescent="0.25">
      <c r="A165" s="2" t="s">
        <v>212</v>
      </c>
      <c r="B165" s="4" t="s">
        <v>678</v>
      </c>
      <c r="C165" s="12">
        <v>4104100</v>
      </c>
      <c r="D165" s="12">
        <v>1606721.3</v>
      </c>
    </row>
    <row r="166" spans="1:7" x14ac:dyDescent="0.25">
      <c r="A166" s="2" t="s">
        <v>214</v>
      </c>
      <c r="B166" s="4" t="s">
        <v>679</v>
      </c>
      <c r="C166" s="12">
        <v>0</v>
      </c>
      <c r="D166" s="12">
        <v>2490.29</v>
      </c>
    </row>
    <row r="167" spans="1:7" x14ac:dyDescent="0.25">
      <c r="A167" s="3" t="s">
        <v>216</v>
      </c>
      <c r="B167" s="5" t="s">
        <v>680</v>
      </c>
      <c r="C167" s="11">
        <v>56573600</v>
      </c>
      <c r="D167" s="11">
        <v>22562787.809999999</v>
      </c>
    </row>
    <row r="169" spans="1:7" x14ac:dyDescent="0.25">
      <c r="A169" s="10" t="s">
        <v>6</v>
      </c>
      <c r="B169" s="10" t="s">
        <v>681</v>
      </c>
      <c r="C169" s="10" t="s">
        <v>600</v>
      </c>
      <c r="D169" s="10" t="s">
        <v>601</v>
      </c>
      <c r="E169" s="10" t="s">
        <v>602</v>
      </c>
      <c r="F169" s="10" t="s">
        <v>603</v>
      </c>
      <c r="G169" s="10" t="s">
        <v>604</v>
      </c>
    </row>
    <row r="170" spans="1:7" x14ac:dyDescent="0.25">
      <c r="A170" s="10" t="s">
        <v>7</v>
      </c>
      <c r="B170" s="10" t="s">
        <v>7</v>
      </c>
      <c r="C170" s="10" t="s">
        <v>7</v>
      </c>
      <c r="D170" s="10" t="s">
        <v>7</v>
      </c>
      <c r="E170" s="10" t="s">
        <v>7</v>
      </c>
      <c r="F170" s="10" t="s">
        <v>7</v>
      </c>
      <c r="G170" s="10" t="s">
        <v>7</v>
      </c>
    </row>
    <row r="171" spans="1:7" x14ac:dyDescent="0.25">
      <c r="A171" s="2" t="s">
        <v>217</v>
      </c>
      <c r="B171" s="4" t="s">
        <v>682</v>
      </c>
      <c r="C171" s="12">
        <v>52469500</v>
      </c>
      <c r="D171" s="12">
        <v>20948654.760000002</v>
      </c>
      <c r="E171" s="12">
        <v>20948633.050000001</v>
      </c>
      <c r="F171" s="12">
        <v>20948633.050000001</v>
      </c>
      <c r="G171" s="12">
        <v>0</v>
      </c>
    </row>
    <row r="172" spans="1:7" x14ac:dyDescent="0.25">
      <c r="A172" s="2" t="s">
        <v>218</v>
      </c>
      <c r="B172" s="4" t="s">
        <v>672</v>
      </c>
      <c r="C172" s="12">
        <v>4104100</v>
      </c>
      <c r="D172" s="12">
        <v>1606723.5</v>
      </c>
      <c r="E172" s="12">
        <v>1606721.3</v>
      </c>
      <c r="F172" s="12">
        <v>1606721.3</v>
      </c>
      <c r="G172" s="12">
        <v>0</v>
      </c>
    </row>
    <row r="173" spans="1:7" x14ac:dyDescent="0.25">
      <c r="A173" s="2" t="s">
        <v>220</v>
      </c>
      <c r="B173" s="4" t="s">
        <v>683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</row>
    <row r="174" spans="1:7" x14ac:dyDescent="0.25">
      <c r="A174" s="3" t="s">
        <v>222</v>
      </c>
      <c r="B174" s="5" t="s">
        <v>684</v>
      </c>
      <c r="C174" s="11">
        <v>56573600</v>
      </c>
      <c r="D174" s="11">
        <v>22555378.260000002</v>
      </c>
      <c r="E174" s="11">
        <v>22555354.350000001</v>
      </c>
      <c r="F174" s="11">
        <v>22555354.350000001</v>
      </c>
      <c r="G174" s="11">
        <v>0</v>
      </c>
    </row>
    <row r="176" spans="1:7" x14ac:dyDescent="0.25">
      <c r="A176" s="10" t="s">
        <v>6</v>
      </c>
      <c r="B176" s="10" t="s">
        <v>7</v>
      </c>
      <c r="C176" s="10" t="s">
        <v>600</v>
      </c>
      <c r="D176" s="10" t="s">
        <v>601</v>
      </c>
      <c r="E176" s="10" t="s">
        <v>602</v>
      </c>
      <c r="F176" s="10" t="s">
        <v>603</v>
      </c>
      <c r="G176" s="10" t="s">
        <v>604</v>
      </c>
    </row>
    <row r="177" spans="1:7" x14ac:dyDescent="0.25">
      <c r="A177" s="10" t="s">
        <v>7</v>
      </c>
      <c r="B177" s="10" t="s">
        <v>7</v>
      </c>
      <c r="C177" s="10" t="s">
        <v>7</v>
      </c>
      <c r="D177" s="10" t="s">
        <v>7</v>
      </c>
      <c r="E177" s="10" t="s">
        <v>7</v>
      </c>
      <c r="F177" s="10" t="s">
        <v>7</v>
      </c>
      <c r="G177" s="10" t="s">
        <v>7</v>
      </c>
    </row>
    <row r="178" spans="1:7" x14ac:dyDescent="0.25">
      <c r="A178" s="2" t="s">
        <v>224</v>
      </c>
      <c r="B178" s="4" t="s">
        <v>685</v>
      </c>
      <c r="C178" s="12">
        <v>0</v>
      </c>
      <c r="D178" s="12">
        <v>7409.55</v>
      </c>
      <c r="E178" s="12">
        <v>7433.46</v>
      </c>
      <c r="F178" s="12">
        <v>7433.46</v>
      </c>
      <c r="G178" s="12">
        <v>0</v>
      </c>
    </row>
  </sheetData>
  <mergeCells count="117">
    <mergeCell ref="E169:E170"/>
    <mergeCell ref="F169:F170"/>
    <mergeCell ref="G169:G170"/>
    <mergeCell ref="A176:A177"/>
    <mergeCell ref="B176:B177"/>
    <mergeCell ref="C176:C177"/>
    <mergeCell ref="D176:D177"/>
    <mergeCell ref="E176:E177"/>
    <mergeCell ref="F176:F177"/>
    <mergeCell ref="G176:G177"/>
    <mergeCell ref="A161:A162"/>
    <mergeCell ref="B161:B162"/>
    <mergeCell ref="C161:C162"/>
    <mergeCell ref="D161:D162"/>
    <mergeCell ref="A169:A170"/>
    <mergeCell ref="B169:B170"/>
    <mergeCell ref="C169:C170"/>
    <mergeCell ref="D169:D170"/>
    <mergeCell ref="E150:E151"/>
    <mergeCell ref="F150:F151"/>
    <mergeCell ref="G150:G151"/>
    <mergeCell ref="A157:A158"/>
    <mergeCell ref="B157:B158"/>
    <mergeCell ref="C157:C158"/>
    <mergeCell ref="D157:D158"/>
    <mergeCell ref="E157:E158"/>
    <mergeCell ref="F157:F158"/>
    <mergeCell ref="G157:G158"/>
    <mergeCell ref="D144:D145"/>
    <mergeCell ref="A150:A151"/>
    <mergeCell ref="B150:B151"/>
    <mergeCell ref="C150:C151"/>
    <mergeCell ref="D150:D151"/>
    <mergeCell ref="A138:A139"/>
    <mergeCell ref="B138:B139"/>
    <mergeCell ref="C138:C139"/>
    <mergeCell ref="A144:A145"/>
    <mergeCell ref="B144:B145"/>
    <mergeCell ref="C144:C145"/>
    <mergeCell ref="E126:E127"/>
    <mergeCell ref="F126:F127"/>
    <mergeCell ref="G126:G127"/>
    <mergeCell ref="A134:A135"/>
    <mergeCell ref="B134:B135"/>
    <mergeCell ref="C134:C135"/>
    <mergeCell ref="D134:D135"/>
    <mergeCell ref="E134:E135"/>
    <mergeCell ref="F134:F135"/>
    <mergeCell ref="G134:G135"/>
    <mergeCell ref="A121:A122"/>
    <mergeCell ref="B121:B122"/>
    <mergeCell ref="C121:C122"/>
    <mergeCell ref="D121:D122"/>
    <mergeCell ref="A126:A127"/>
    <mergeCell ref="B126:B127"/>
    <mergeCell ref="C126:C127"/>
    <mergeCell ref="D126:D127"/>
    <mergeCell ref="A110:A111"/>
    <mergeCell ref="B110:B111"/>
    <mergeCell ref="C110:C111"/>
    <mergeCell ref="A115:A116"/>
    <mergeCell ref="B115:B116"/>
    <mergeCell ref="C115:C116"/>
    <mergeCell ref="E96:E97"/>
    <mergeCell ref="F96:F97"/>
    <mergeCell ref="G96:G97"/>
    <mergeCell ref="A106:A107"/>
    <mergeCell ref="B106:B107"/>
    <mergeCell ref="C106:C107"/>
    <mergeCell ref="D106:D107"/>
    <mergeCell ref="E106:E107"/>
    <mergeCell ref="F106:F107"/>
    <mergeCell ref="G106:G107"/>
    <mergeCell ref="A71:A72"/>
    <mergeCell ref="B71:B72"/>
    <mergeCell ref="C71:C72"/>
    <mergeCell ref="D71:D72"/>
    <mergeCell ref="A96:A97"/>
    <mergeCell ref="B96:B97"/>
    <mergeCell ref="C96:C97"/>
    <mergeCell ref="D96:D97"/>
    <mergeCell ref="A58:A59"/>
    <mergeCell ref="B58:B59"/>
    <mergeCell ref="C58:C59"/>
    <mergeCell ref="A65:A66"/>
    <mergeCell ref="B65:B66"/>
    <mergeCell ref="C65:C66"/>
    <mergeCell ref="A50:A51"/>
    <mergeCell ref="B50:B51"/>
    <mergeCell ref="C50:C51"/>
    <mergeCell ref="A54:A55"/>
    <mergeCell ref="B54:B55"/>
    <mergeCell ref="C54:C55"/>
    <mergeCell ref="F36:F37"/>
    <mergeCell ref="G36:G37"/>
    <mergeCell ref="A46:A47"/>
    <mergeCell ref="B46:B47"/>
    <mergeCell ref="C46:C47"/>
    <mergeCell ref="D46:D47"/>
    <mergeCell ref="E46:E47"/>
    <mergeCell ref="F46:F47"/>
    <mergeCell ref="G46:G47"/>
    <mergeCell ref="A36:A37"/>
    <mergeCell ref="B36:B37"/>
    <mergeCell ref="C36:C37"/>
    <mergeCell ref="D36:D37"/>
    <mergeCell ref="E36:E37"/>
    <mergeCell ref="A9:G9"/>
    <mergeCell ref="A10:A11"/>
    <mergeCell ref="B10:B11"/>
    <mergeCell ref="C10:C11"/>
    <mergeCell ref="D10:D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26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3" width="20.28515625" bestFit="1" customWidth="1"/>
    <col min="4" max="4" width="19.140625" bestFit="1" customWidth="1"/>
    <col min="5" max="6" width="19" bestFit="1" customWidth="1"/>
    <col min="7" max="7" width="16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86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87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88</v>
      </c>
      <c r="C10" s="10" t="s">
        <v>689</v>
      </c>
      <c r="D10" s="1" t="s">
        <v>690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91</v>
      </c>
    </row>
    <row r="12" spans="1:9" x14ac:dyDescent="0.25">
      <c r="A12" s="3" t="s">
        <v>17</v>
      </c>
      <c r="B12" s="5" t="s">
        <v>579</v>
      </c>
      <c r="C12" s="11">
        <v>16087520700</v>
      </c>
      <c r="D12" s="11">
        <v>3117682633.8099999</v>
      </c>
    </row>
    <row r="13" spans="1:9" x14ac:dyDescent="0.25">
      <c r="A13" s="3" t="s">
        <v>19</v>
      </c>
      <c r="B13" s="5" t="s">
        <v>692</v>
      </c>
      <c r="C13" s="11">
        <v>9285340000</v>
      </c>
      <c r="D13" s="11">
        <v>1713107282.02</v>
      </c>
    </row>
    <row r="14" spans="1:9" x14ac:dyDescent="0.25">
      <c r="A14" s="2" t="s">
        <v>21</v>
      </c>
      <c r="B14" s="4" t="s">
        <v>693</v>
      </c>
      <c r="C14" s="12">
        <v>7289893500</v>
      </c>
      <c r="D14" s="12">
        <v>1286193265.1800001</v>
      </c>
    </row>
    <row r="15" spans="1:9" x14ac:dyDescent="0.25">
      <c r="A15" s="2" t="s">
        <v>23</v>
      </c>
      <c r="B15" s="4" t="s">
        <v>694</v>
      </c>
      <c r="C15" s="12">
        <v>370110000</v>
      </c>
      <c r="D15" s="12">
        <v>192552795.63</v>
      </c>
    </row>
    <row r="16" spans="1:9" x14ac:dyDescent="0.25">
      <c r="A16" s="2" t="s">
        <v>25</v>
      </c>
      <c r="B16" s="4" t="s">
        <v>695</v>
      </c>
      <c r="C16" s="12">
        <v>236576100</v>
      </c>
      <c r="D16" s="12">
        <v>41863320.979999997</v>
      </c>
    </row>
    <row r="17" spans="1:4" x14ac:dyDescent="0.25">
      <c r="A17" s="2" t="s">
        <v>27</v>
      </c>
      <c r="B17" s="4" t="s">
        <v>696</v>
      </c>
      <c r="C17" s="12">
        <v>1031230000</v>
      </c>
      <c r="D17" s="12">
        <v>145990829.59999999</v>
      </c>
    </row>
    <row r="18" spans="1:4" x14ac:dyDescent="0.25">
      <c r="A18" s="2" t="s">
        <v>29</v>
      </c>
      <c r="B18" s="4" t="s">
        <v>697</v>
      </c>
      <c r="C18" s="12">
        <v>357530400</v>
      </c>
      <c r="D18" s="12">
        <v>46507070.630000003</v>
      </c>
    </row>
    <row r="19" spans="1:4" x14ac:dyDescent="0.25">
      <c r="A19" s="2" t="s">
        <v>31</v>
      </c>
      <c r="B19" s="4" t="s">
        <v>698</v>
      </c>
      <c r="C19" s="12">
        <v>700627100</v>
      </c>
      <c r="D19" s="12">
        <v>181491291.66</v>
      </c>
    </row>
    <row r="20" spans="1:4" x14ac:dyDescent="0.25">
      <c r="A20" s="3" t="s">
        <v>33</v>
      </c>
      <c r="B20" s="5" t="s">
        <v>585</v>
      </c>
      <c r="C20" s="11">
        <v>134883500</v>
      </c>
      <c r="D20" s="11">
        <v>99493044.180000007</v>
      </c>
    </row>
    <row r="21" spans="1:4" x14ac:dyDescent="0.25">
      <c r="A21" s="2" t="s">
        <v>35</v>
      </c>
      <c r="B21" s="4" t="s">
        <v>699</v>
      </c>
      <c r="C21" s="12">
        <v>59435800</v>
      </c>
      <c r="D21" s="12">
        <v>79046219.590000004</v>
      </c>
    </row>
    <row r="22" spans="1:4" x14ac:dyDescent="0.25">
      <c r="A22" s="2" t="s">
        <v>37</v>
      </c>
      <c r="B22" s="4" t="s">
        <v>588</v>
      </c>
      <c r="C22" s="12">
        <v>75447700</v>
      </c>
      <c r="D22" s="12">
        <v>20446824.59</v>
      </c>
    </row>
    <row r="23" spans="1:4" x14ac:dyDescent="0.25">
      <c r="A23" s="3" t="s">
        <v>39</v>
      </c>
      <c r="B23" s="5" t="s">
        <v>700</v>
      </c>
      <c r="C23" s="11">
        <v>5188261300</v>
      </c>
      <c r="D23" s="11">
        <v>990292714.41999996</v>
      </c>
    </row>
    <row r="24" spans="1:4" x14ac:dyDescent="0.25">
      <c r="A24" s="2" t="s">
        <v>41</v>
      </c>
      <c r="B24" s="4" t="s">
        <v>701</v>
      </c>
      <c r="C24" s="12">
        <v>1058736200</v>
      </c>
      <c r="D24" s="12">
        <v>333880587.64999998</v>
      </c>
    </row>
    <row r="25" spans="1:4" x14ac:dyDescent="0.25">
      <c r="A25" s="2" t="s">
        <v>43</v>
      </c>
      <c r="B25" s="4" t="s">
        <v>702</v>
      </c>
      <c r="C25" s="12">
        <v>0</v>
      </c>
      <c r="D25" s="12">
        <v>0</v>
      </c>
    </row>
    <row r="26" spans="1:4" x14ac:dyDescent="0.25">
      <c r="A26" s="2" t="s">
        <v>45</v>
      </c>
      <c r="B26" s="4" t="s">
        <v>703</v>
      </c>
      <c r="C26" s="12">
        <v>68880600</v>
      </c>
      <c r="D26" s="12">
        <v>13663995.91</v>
      </c>
    </row>
    <row r="27" spans="1:4" x14ac:dyDescent="0.25">
      <c r="A27" s="2" t="s">
        <v>47</v>
      </c>
      <c r="B27" s="4" t="s">
        <v>704</v>
      </c>
      <c r="C27" s="12">
        <v>1252844900</v>
      </c>
      <c r="D27" s="12">
        <v>262459252.81</v>
      </c>
    </row>
    <row r="28" spans="1:4" x14ac:dyDescent="0.25">
      <c r="A28" s="2" t="s">
        <v>49</v>
      </c>
      <c r="B28" s="4" t="s">
        <v>705</v>
      </c>
      <c r="C28" s="12">
        <v>2807799600</v>
      </c>
      <c r="D28" s="12">
        <v>380288878.05000001</v>
      </c>
    </row>
    <row r="29" spans="1:4" x14ac:dyDescent="0.25">
      <c r="A29" s="3" t="s">
        <v>51</v>
      </c>
      <c r="B29" s="5" t="s">
        <v>706</v>
      </c>
      <c r="C29" s="11">
        <v>778408800</v>
      </c>
      <c r="D29" s="11">
        <v>133298301.53</v>
      </c>
    </row>
    <row r="30" spans="1:4" x14ac:dyDescent="0.25">
      <c r="A30" s="2" t="s">
        <v>53</v>
      </c>
      <c r="B30" s="4" t="s">
        <v>707</v>
      </c>
      <c r="C30" s="12">
        <v>120600</v>
      </c>
      <c r="D30" s="12">
        <v>1540091.77</v>
      </c>
    </row>
    <row r="31" spans="1:4" x14ac:dyDescent="0.25">
      <c r="A31" s="2" t="s">
        <v>55</v>
      </c>
      <c r="B31" s="4" t="s">
        <v>708</v>
      </c>
      <c r="C31" s="12">
        <v>778288200</v>
      </c>
      <c r="D31" s="12">
        <v>131758209.76000001</v>
      </c>
    </row>
    <row r="32" spans="1:4" x14ac:dyDescent="0.25">
      <c r="A32" s="2" t="s">
        <v>57</v>
      </c>
      <c r="B32" s="4" t="s">
        <v>709</v>
      </c>
      <c r="C32" s="12">
        <v>16027964300</v>
      </c>
      <c r="D32" s="12">
        <v>3037096322.4499998</v>
      </c>
    </row>
    <row r="33" spans="1:4" x14ac:dyDescent="0.25">
      <c r="A33" s="3" t="s">
        <v>59</v>
      </c>
      <c r="B33" s="5" t="s">
        <v>710</v>
      </c>
      <c r="C33" s="11">
        <v>631739716</v>
      </c>
      <c r="D33" s="11">
        <v>28786330.949999999</v>
      </c>
    </row>
    <row r="34" spans="1:4" x14ac:dyDescent="0.25">
      <c r="A34" s="2" t="s">
        <v>61</v>
      </c>
      <c r="B34" s="4" t="s">
        <v>711</v>
      </c>
      <c r="C34" s="12">
        <v>203313816</v>
      </c>
      <c r="D34" s="12">
        <v>8987846.6500000004</v>
      </c>
    </row>
    <row r="35" spans="1:4" x14ac:dyDescent="0.25">
      <c r="A35" s="2" t="s">
        <v>63</v>
      </c>
      <c r="B35" s="4" t="s">
        <v>712</v>
      </c>
      <c r="C35" s="12">
        <v>9574200</v>
      </c>
      <c r="D35" s="12">
        <v>2051651.83</v>
      </c>
    </row>
    <row r="36" spans="1:4" x14ac:dyDescent="0.25">
      <c r="A36" s="3" t="s">
        <v>65</v>
      </c>
      <c r="B36" s="5" t="s">
        <v>713</v>
      </c>
      <c r="C36" s="11">
        <v>5718800</v>
      </c>
      <c r="D36" s="11">
        <v>322248.11</v>
      </c>
    </row>
    <row r="37" spans="1:4" x14ac:dyDescent="0.25">
      <c r="A37" s="2" t="s">
        <v>67</v>
      </c>
      <c r="B37" s="4" t="s">
        <v>714</v>
      </c>
      <c r="C37" s="12">
        <v>0</v>
      </c>
      <c r="D37" s="12">
        <v>0</v>
      </c>
    </row>
    <row r="38" spans="1:4" x14ac:dyDescent="0.25">
      <c r="A38" s="2" t="s">
        <v>69</v>
      </c>
      <c r="B38" s="4" t="s">
        <v>715</v>
      </c>
      <c r="C38" s="12">
        <v>0</v>
      </c>
      <c r="D38" s="12">
        <v>0</v>
      </c>
    </row>
    <row r="39" spans="1:4" x14ac:dyDescent="0.25">
      <c r="A39" s="2" t="s">
        <v>71</v>
      </c>
      <c r="B39" s="4" t="s">
        <v>716</v>
      </c>
      <c r="C39" s="12">
        <v>5718800</v>
      </c>
      <c r="D39" s="12">
        <v>322248.11</v>
      </c>
    </row>
    <row r="40" spans="1:4" x14ac:dyDescent="0.25">
      <c r="A40" s="3" t="s">
        <v>73</v>
      </c>
      <c r="B40" s="5" t="s">
        <v>717</v>
      </c>
      <c r="C40" s="11">
        <v>413132900</v>
      </c>
      <c r="D40" s="11">
        <v>17424584.359999999</v>
      </c>
    </row>
    <row r="41" spans="1:4" x14ac:dyDescent="0.25">
      <c r="A41" s="2" t="s">
        <v>75</v>
      </c>
      <c r="B41" s="4" t="s">
        <v>718</v>
      </c>
      <c r="C41" s="12">
        <v>360793400</v>
      </c>
      <c r="D41" s="12">
        <v>16894584.359999999</v>
      </c>
    </row>
    <row r="42" spans="1:4" x14ac:dyDescent="0.25">
      <c r="A42" s="2" t="s">
        <v>77</v>
      </c>
      <c r="B42" s="4" t="s">
        <v>719</v>
      </c>
      <c r="C42" s="12">
        <v>52339500</v>
      </c>
      <c r="D42" s="12">
        <v>530000</v>
      </c>
    </row>
    <row r="43" spans="1:4" x14ac:dyDescent="0.25">
      <c r="A43" s="3" t="s">
        <v>79</v>
      </c>
      <c r="B43" s="5" t="s">
        <v>597</v>
      </c>
      <c r="C43" s="11">
        <v>0</v>
      </c>
      <c r="D43" s="11">
        <v>0</v>
      </c>
    </row>
    <row r="44" spans="1:4" x14ac:dyDescent="0.25">
      <c r="A44" s="2" t="s">
        <v>81</v>
      </c>
      <c r="B44" s="4" t="s">
        <v>720</v>
      </c>
      <c r="C44" s="12">
        <v>0</v>
      </c>
      <c r="D44" s="12">
        <v>0</v>
      </c>
    </row>
    <row r="45" spans="1:4" x14ac:dyDescent="0.25">
      <c r="A45" s="2" t="s">
        <v>83</v>
      </c>
      <c r="B45" s="4" t="s">
        <v>721</v>
      </c>
      <c r="C45" s="12">
        <v>0</v>
      </c>
      <c r="D45" s="12">
        <v>0</v>
      </c>
    </row>
    <row r="46" spans="1:4" x14ac:dyDescent="0.25">
      <c r="A46" s="2" t="s">
        <v>85</v>
      </c>
      <c r="B46" s="4" t="s">
        <v>722</v>
      </c>
      <c r="C46" s="12">
        <v>418851700</v>
      </c>
      <c r="D46" s="12">
        <v>17746832.469999999</v>
      </c>
    </row>
    <row r="47" spans="1:4" x14ac:dyDescent="0.25">
      <c r="A47" s="3" t="s">
        <v>87</v>
      </c>
      <c r="B47" s="5" t="s">
        <v>723</v>
      </c>
      <c r="C47" s="11">
        <v>16446816000</v>
      </c>
      <c r="D47" s="11">
        <v>3054843154.9200001</v>
      </c>
    </row>
    <row r="49" spans="1:9" x14ac:dyDescent="0.25">
      <c r="A49" s="10" t="s">
        <v>6</v>
      </c>
      <c r="B49" s="10" t="s">
        <v>724</v>
      </c>
      <c r="C49" s="10" t="s">
        <v>725</v>
      </c>
      <c r="D49" s="10" t="s">
        <v>690</v>
      </c>
      <c r="E49" s="10" t="s">
        <v>7</v>
      </c>
      <c r="F49" s="10" t="s">
        <v>7</v>
      </c>
      <c r="G49" s="10" t="s">
        <v>7</v>
      </c>
      <c r="H49" s="10" t="s">
        <v>728</v>
      </c>
      <c r="I49" s="10" t="s">
        <v>728</v>
      </c>
    </row>
    <row r="50" spans="1:9" ht="63" x14ac:dyDescent="0.25">
      <c r="A50" s="10" t="s">
        <v>7</v>
      </c>
      <c r="B50" s="10" t="s">
        <v>7</v>
      </c>
      <c r="C50" s="10" t="s">
        <v>7</v>
      </c>
      <c r="D50" s="1" t="s">
        <v>170</v>
      </c>
      <c r="E50" s="1" t="s">
        <v>174</v>
      </c>
      <c r="F50" s="1" t="s">
        <v>726</v>
      </c>
      <c r="G50" s="1" t="s">
        <v>727</v>
      </c>
      <c r="H50" s="1" t="s">
        <v>729</v>
      </c>
      <c r="I50" s="1" t="s">
        <v>730</v>
      </c>
    </row>
    <row r="51" spans="1:9" x14ac:dyDescent="0.25">
      <c r="A51" s="3" t="s">
        <v>89</v>
      </c>
      <c r="B51" s="5" t="s">
        <v>731</v>
      </c>
      <c r="C51" s="11">
        <v>14714906019.389999</v>
      </c>
      <c r="D51" s="11">
        <v>4336356881.2200003</v>
      </c>
      <c r="E51" s="11">
        <v>2096401587.3699999</v>
      </c>
      <c r="F51" s="11">
        <v>2020080813.79</v>
      </c>
      <c r="G51" s="11">
        <v>78399898.569999993</v>
      </c>
      <c r="H51" s="11">
        <v>181002065.91</v>
      </c>
      <c r="I51" s="11">
        <v>170690646.68000001</v>
      </c>
    </row>
    <row r="52" spans="1:9" x14ac:dyDescent="0.25">
      <c r="A52" s="2" t="s">
        <v>91</v>
      </c>
      <c r="B52" s="4" t="s">
        <v>732</v>
      </c>
      <c r="C52" s="12">
        <v>9484724537.6100006</v>
      </c>
      <c r="D52" s="12">
        <v>2427798878.6100001</v>
      </c>
      <c r="E52" s="12">
        <v>1518056127.26</v>
      </c>
      <c r="F52" s="12">
        <v>1506878480.8099999</v>
      </c>
      <c r="G52" s="12">
        <v>21449447.579999998</v>
      </c>
      <c r="H52" s="12">
        <v>161552.72</v>
      </c>
      <c r="I52" s="12">
        <v>161552.72</v>
      </c>
    </row>
    <row r="53" spans="1:9" x14ac:dyDescent="0.25">
      <c r="A53" s="2" t="s">
        <v>93</v>
      </c>
      <c r="B53" s="4" t="s">
        <v>733</v>
      </c>
      <c r="C53" s="12">
        <v>294403928</v>
      </c>
      <c r="D53" s="12">
        <v>196872124.38999999</v>
      </c>
      <c r="E53" s="12">
        <v>55839600.280000001</v>
      </c>
      <c r="F53" s="12">
        <v>55826454.859999999</v>
      </c>
      <c r="G53" s="12">
        <v>0</v>
      </c>
      <c r="H53" s="12">
        <v>0</v>
      </c>
      <c r="I53" s="12">
        <v>0</v>
      </c>
    </row>
    <row r="54" spans="1:9" x14ac:dyDescent="0.25">
      <c r="A54" s="3" t="s">
        <v>95</v>
      </c>
      <c r="B54" s="5" t="s">
        <v>734</v>
      </c>
      <c r="C54" s="11">
        <v>4935777553.7799997</v>
      </c>
      <c r="D54" s="11">
        <v>1711685878.22</v>
      </c>
      <c r="E54" s="11">
        <v>522505859.82999998</v>
      </c>
      <c r="F54" s="11">
        <v>457375878.12</v>
      </c>
      <c r="G54" s="11">
        <v>56950450.990000002</v>
      </c>
      <c r="H54" s="11">
        <v>180840513.19</v>
      </c>
      <c r="I54" s="11">
        <v>170529093.96000001</v>
      </c>
    </row>
    <row r="55" spans="1:9" x14ac:dyDescent="0.25">
      <c r="A55" s="2" t="s">
        <v>97</v>
      </c>
      <c r="B55" s="4" t="s">
        <v>735</v>
      </c>
      <c r="C55" s="12">
        <v>448268600</v>
      </c>
      <c r="D55" s="12">
        <v>448268500</v>
      </c>
      <c r="E55" s="12">
        <v>79901935.599999994</v>
      </c>
      <c r="F55" s="12">
        <v>47033872.590000004</v>
      </c>
      <c r="G55" s="12">
        <v>40099668.649999999</v>
      </c>
      <c r="H55" s="12">
        <v>0</v>
      </c>
      <c r="I55" s="12">
        <v>0</v>
      </c>
    </row>
    <row r="56" spans="1:9" x14ac:dyDescent="0.25">
      <c r="A56" s="2" t="s">
        <v>99</v>
      </c>
      <c r="B56" s="4" t="s">
        <v>661</v>
      </c>
      <c r="C56" s="12">
        <v>4487508953.7799997</v>
      </c>
      <c r="D56" s="12">
        <v>1263417378.22</v>
      </c>
      <c r="E56" s="12">
        <v>442603924.23000002</v>
      </c>
      <c r="F56" s="12">
        <v>410342005.52999997</v>
      </c>
      <c r="G56" s="12">
        <v>16850782.34</v>
      </c>
      <c r="H56" s="12">
        <v>180840513.19</v>
      </c>
      <c r="I56" s="12">
        <v>170529093.96000001</v>
      </c>
    </row>
    <row r="57" spans="1:9" x14ac:dyDescent="0.25">
      <c r="A57" s="2" t="s">
        <v>101</v>
      </c>
      <c r="B57" s="4" t="s">
        <v>736</v>
      </c>
      <c r="C57" s="12">
        <v>14420502091.389999</v>
      </c>
      <c r="D57" s="12">
        <v>4139484756.8299999</v>
      </c>
      <c r="E57" s="12">
        <v>2040561987.0899999</v>
      </c>
      <c r="F57" s="12">
        <v>1964254358.9300001</v>
      </c>
      <c r="G57" s="12">
        <v>78399898.569999993</v>
      </c>
      <c r="H57" s="12">
        <v>181002065.91</v>
      </c>
      <c r="I57" s="12">
        <v>170690646.68000001</v>
      </c>
    </row>
    <row r="58" spans="1:9" x14ac:dyDescent="0.25">
      <c r="A58" s="3" t="s">
        <v>103</v>
      </c>
      <c r="B58" s="5" t="s">
        <v>737</v>
      </c>
      <c r="C58" s="11">
        <v>3271694482.0500002</v>
      </c>
      <c r="D58" s="11">
        <v>1397949641.1099999</v>
      </c>
      <c r="E58" s="11">
        <v>222148210.28999999</v>
      </c>
      <c r="F58" s="11">
        <v>199806182.44999999</v>
      </c>
      <c r="G58" s="11">
        <v>7303062.1299999999</v>
      </c>
      <c r="H58" s="11">
        <v>112661509.69</v>
      </c>
      <c r="I58" s="11">
        <v>81263990.879999995</v>
      </c>
    </row>
    <row r="59" spans="1:9" x14ac:dyDescent="0.25">
      <c r="A59" s="2" t="s">
        <v>105</v>
      </c>
      <c r="B59" s="4" t="s">
        <v>738</v>
      </c>
      <c r="C59" s="12">
        <v>2897532292.0500002</v>
      </c>
      <c r="D59" s="12">
        <v>1134692024.6300001</v>
      </c>
      <c r="E59" s="12">
        <v>179879933.87</v>
      </c>
      <c r="F59" s="12">
        <v>157537906.03</v>
      </c>
      <c r="G59" s="12">
        <v>6001483.6500000004</v>
      </c>
      <c r="H59" s="12">
        <v>111593819.14</v>
      </c>
      <c r="I59" s="12">
        <v>80196300.329999998</v>
      </c>
    </row>
    <row r="60" spans="1:9" x14ac:dyDescent="0.25">
      <c r="A60" s="3" t="s">
        <v>107</v>
      </c>
      <c r="B60" s="5" t="s">
        <v>739</v>
      </c>
      <c r="C60" s="11">
        <v>33585100</v>
      </c>
      <c r="D60" s="11">
        <v>1234925</v>
      </c>
      <c r="E60" s="11">
        <v>1160000</v>
      </c>
      <c r="F60" s="11">
        <v>1160000</v>
      </c>
      <c r="G60" s="11">
        <v>1301578.48</v>
      </c>
      <c r="H60" s="11">
        <v>1067690.55</v>
      </c>
      <c r="I60" s="11">
        <v>1067690.55</v>
      </c>
    </row>
    <row r="61" spans="1:9" x14ac:dyDescent="0.25">
      <c r="A61" s="2" t="s">
        <v>109</v>
      </c>
      <c r="B61" s="4" t="s">
        <v>740</v>
      </c>
      <c r="C61" s="12">
        <v>3000000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1</v>
      </c>
      <c r="B62" s="4" t="s">
        <v>741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3</v>
      </c>
      <c r="B63" s="4" t="s">
        <v>742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5</v>
      </c>
      <c r="B64" s="4" t="s">
        <v>743</v>
      </c>
      <c r="C64" s="12">
        <v>3585100</v>
      </c>
      <c r="D64" s="12">
        <v>1234925</v>
      </c>
      <c r="E64" s="12">
        <v>1160000</v>
      </c>
      <c r="F64" s="12">
        <v>1160000</v>
      </c>
      <c r="G64" s="12">
        <v>1301578.48</v>
      </c>
      <c r="H64" s="12">
        <v>1067690.55</v>
      </c>
      <c r="I64" s="12">
        <v>1067690.55</v>
      </c>
    </row>
    <row r="65" spans="1:9" x14ac:dyDescent="0.25">
      <c r="A65" s="2" t="s">
        <v>117</v>
      </c>
      <c r="B65" s="4" t="s">
        <v>744</v>
      </c>
      <c r="C65" s="12">
        <v>340577090</v>
      </c>
      <c r="D65" s="12">
        <v>262022691.47999999</v>
      </c>
      <c r="E65" s="12">
        <v>41108276.420000002</v>
      </c>
      <c r="F65" s="12">
        <v>41108276.420000002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19</v>
      </c>
      <c r="B66" s="4" t="s">
        <v>745</v>
      </c>
      <c r="C66" s="12">
        <v>2901117392.0500002</v>
      </c>
      <c r="D66" s="12">
        <v>1135926949.6300001</v>
      </c>
      <c r="E66" s="12">
        <v>181039933.87</v>
      </c>
      <c r="F66" s="12">
        <v>158697906.03</v>
      </c>
      <c r="G66" s="12">
        <v>7303062.1299999999</v>
      </c>
      <c r="H66" s="12">
        <v>112661509.69</v>
      </c>
      <c r="I66" s="12">
        <v>81263990.879999995</v>
      </c>
    </row>
    <row r="67" spans="1:9" x14ac:dyDescent="0.25">
      <c r="A67" s="2" t="s">
        <v>120</v>
      </c>
      <c r="B67" s="4" t="s">
        <v>746</v>
      </c>
      <c r="C67" s="12">
        <v>15396750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1</v>
      </c>
      <c r="B68" s="5" t="s">
        <v>747</v>
      </c>
      <c r="C68" s="11">
        <v>17475586983.439999</v>
      </c>
      <c r="D68" s="11">
        <v>5275411706.46</v>
      </c>
      <c r="E68" s="11">
        <v>2221601920.96</v>
      </c>
      <c r="F68" s="11">
        <v>2122952264.96</v>
      </c>
      <c r="G68" s="11">
        <v>85702960.700000003</v>
      </c>
      <c r="H68" s="11">
        <v>293663575.60000002</v>
      </c>
      <c r="I68" s="11">
        <v>251954637.56</v>
      </c>
    </row>
    <row r="70" spans="1:9" x14ac:dyDescent="0.25">
      <c r="A70" s="10" t="s">
        <v>6</v>
      </c>
      <c r="B70" s="10" t="s">
        <v>748</v>
      </c>
      <c r="C70" s="10" t="s">
        <v>398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2</v>
      </c>
      <c r="B72" s="4" t="s">
        <v>749</v>
      </c>
      <c r="C72" s="12">
        <v>594233291.70000005</v>
      </c>
    </row>
    <row r="74" spans="1:9" x14ac:dyDescent="0.25">
      <c r="A74" s="10" t="s">
        <v>6</v>
      </c>
      <c r="B74" s="10" t="s">
        <v>750</v>
      </c>
      <c r="C74" s="10" t="s">
        <v>751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3</v>
      </c>
      <c r="B76" s="4" t="s">
        <v>752</v>
      </c>
      <c r="C76" s="12">
        <v>315499518.75999999</v>
      </c>
    </row>
    <row r="78" spans="1:9" ht="21" x14ac:dyDescent="0.25">
      <c r="A78" s="10" t="s">
        <v>6</v>
      </c>
      <c r="B78" s="10" t="s">
        <v>753</v>
      </c>
      <c r="C78" s="1" t="s">
        <v>690</v>
      </c>
    </row>
    <row r="79" spans="1:9" ht="21" x14ac:dyDescent="0.25">
      <c r="A79" s="10" t="s">
        <v>7</v>
      </c>
      <c r="B79" s="10" t="s">
        <v>7</v>
      </c>
      <c r="C79" s="1" t="s">
        <v>754</v>
      </c>
    </row>
    <row r="80" spans="1:9" x14ac:dyDescent="0.25">
      <c r="A80" s="2" t="s">
        <v>124</v>
      </c>
      <c r="B80" s="4" t="s">
        <v>755</v>
      </c>
      <c r="C80" s="12">
        <v>96894600.519999996</v>
      </c>
    </row>
    <row r="81" spans="1:4" x14ac:dyDescent="0.25">
      <c r="A81" s="2" t="s">
        <v>125</v>
      </c>
      <c r="B81" s="4" t="s">
        <v>756</v>
      </c>
      <c r="C81" s="12">
        <v>100306463.03</v>
      </c>
    </row>
    <row r="83" spans="1:4" x14ac:dyDescent="0.25">
      <c r="A83" s="10" t="s">
        <v>6</v>
      </c>
      <c r="B83" s="10" t="s">
        <v>757</v>
      </c>
      <c r="C83" s="10" t="s">
        <v>754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7</v>
      </c>
      <c r="B85" s="4" t="s">
        <v>758</v>
      </c>
      <c r="C85" s="12">
        <v>590821429.19000006</v>
      </c>
    </row>
    <row r="87" spans="1:4" x14ac:dyDescent="0.25">
      <c r="A87" s="10" t="s">
        <v>6</v>
      </c>
      <c r="B87" s="10" t="s">
        <v>759</v>
      </c>
      <c r="C87" s="10" t="s">
        <v>751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9</v>
      </c>
      <c r="B89" s="4" t="s">
        <v>752</v>
      </c>
      <c r="C89" s="12">
        <v>1698267.56</v>
      </c>
    </row>
    <row r="91" spans="1:4" x14ac:dyDescent="0.25">
      <c r="A91" s="10" t="s">
        <v>6</v>
      </c>
      <c r="B91" s="10" t="s">
        <v>760</v>
      </c>
      <c r="C91" s="10" t="s">
        <v>761</v>
      </c>
      <c r="D91" s="10" t="s">
        <v>761</v>
      </c>
    </row>
    <row r="92" spans="1:4" ht="21" x14ac:dyDescent="0.25">
      <c r="A92" s="10" t="s">
        <v>7</v>
      </c>
      <c r="B92" s="10" t="s">
        <v>7</v>
      </c>
      <c r="C92" s="1" t="s">
        <v>762</v>
      </c>
      <c r="D92" s="1" t="s">
        <v>411</v>
      </c>
    </row>
    <row r="93" spans="1:4" x14ac:dyDescent="0.25">
      <c r="A93" s="2" t="s">
        <v>131</v>
      </c>
      <c r="B93" s="4" t="s">
        <v>763</v>
      </c>
      <c r="C93" s="12">
        <v>9071829886.8600006</v>
      </c>
      <c r="D93" s="12">
        <v>8899582611.5100002</v>
      </c>
    </row>
    <row r="94" spans="1:4" x14ac:dyDescent="0.25">
      <c r="A94" s="3" t="s">
        <v>133</v>
      </c>
      <c r="B94" s="5" t="s">
        <v>764</v>
      </c>
      <c r="C94" s="11">
        <v>5688487695.2600002</v>
      </c>
      <c r="D94" s="11">
        <v>6171367873.3999996</v>
      </c>
    </row>
    <row r="95" spans="1:4" x14ac:dyDescent="0.25">
      <c r="A95" s="3" t="s">
        <v>135</v>
      </c>
      <c r="B95" s="5" t="s">
        <v>765</v>
      </c>
      <c r="C95" s="11">
        <v>5331575745.3400002</v>
      </c>
      <c r="D95" s="11">
        <v>5808940173.6800003</v>
      </c>
    </row>
    <row r="96" spans="1:4" x14ac:dyDescent="0.25">
      <c r="A96" s="2" t="s">
        <v>137</v>
      </c>
      <c r="B96" s="4" t="s">
        <v>766</v>
      </c>
      <c r="C96" s="12">
        <v>5459843836.9899998</v>
      </c>
      <c r="D96" s="12">
        <v>6291736651.5900002</v>
      </c>
    </row>
    <row r="97" spans="1:4" x14ac:dyDescent="0.25">
      <c r="A97" s="2" t="s">
        <v>139</v>
      </c>
      <c r="B97" s="4" t="s">
        <v>767</v>
      </c>
      <c r="C97" s="12">
        <v>128268091.65000001</v>
      </c>
      <c r="D97" s="12">
        <v>85722893.939999998</v>
      </c>
    </row>
    <row r="98" spans="1:4" x14ac:dyDescent="0.25">
      <c r="A98" s="2" t="s">
        <v>141</v>
      </c>
      <c r="B98" s="4" t="s">
        <v>768</v>
      </c>
      <c r="C98" s="12">
        <v>0</v>
      </c>
      <c r="D98" s="12">
        <v>397073583.97000003</v>
      </c>
    </row>
    <row r="99" spans="1:4" x14ac:dyDescent="0.25">
      <c r="A99" s="2" t="s">
        <v>143</v>
      </c>
      <c r="B99" s="4" t="s">
        <v>769</v>
      </c>
      <c r="C99" s="12">
        <v>356911949.92000002</v>
      </c>
      <c r="D99" s="12">
        <v>362427699.72000003</v>
      </c>
    </row>
    <row r="100" spans="1:4" x14ac:dyDescent="0.25">
      <c r="A100" s="3" t="s">
        <v>145</v>
      </c>
      <c r="B100" s="5" t="s">
        <v>770</v>
      </c>
      <c r="C100" s="11">
        <v>3383342191.5999999</v>
      </c>
      <c r="D100" s="11">
        <v>2728214738.1100001</v>
      </c>
    </row>
    <row r="102" spans="1:4" x14ac:dyDescent="0.25">
      <c r="A102" s="10" t="s">
        <v>6</v>
      </c>
      <c r="B102" s="10" t="s">
        <v>771</v>
      </c>
      <c r="C102" s="10" t="s">
        <v>772</v>
      </c>
    </row>
    <row r="103" spans="1:4" x14ac:dyDescent="0.25">
      <c r="A103" s="10" t="s">
        <v>7</v>
      </c>
      <c r="B103" s="10" t="s">
        <v>7</v>
      </c>
      <c r="C103" s="10" t="s">
        <v>7</v>
      </c>
    </row>
    <row r="104" spans="1:4" x14ac:dyDescent="0.25">
      <c r="A104" s="2" t="s">
        <v>147</v>
      </c>
      <c r="B104" s="4" t="s">
        <v>773</v>
      </c>
      <c r="C104" s="12">
        <v>655127453.49000001</v>
      </c>
    </row>
    <row r="106" spans="1:4" x14ac:dyDescent="0.25">
      <c r="A106" s="10" t="s">
        <v>6</v>
      </c>
      <c r="B106" s="10" t="s">
        <v>774</v>
      </c>
      <c r="C106" s="10" t="s">
        <v>772</v>
      </c>
    </row>
    <row r="107" spans="1:4" x14ac:dyDescent="0.25">
      <c r="A107" s="10" t="s">
        <v>7</v>
      </c>
      <c r="B107" s="10" t="s">
        <v>7</v>
      </c>
      <c r="C107" s="10" t="s">
        <v>7</v>
      </c>
    </row>
    <row r="108" spans="1:4" x14ac:dyDescent="0.25">
      <c r="A108" s="2" t="s">
        <v>149</v>
      </c>
      <c r="B108" s="4" t="s">
        <v>775</v>
      </c>
      <c r="C108" s="12">
        <v>42545197.710000001</v>
      </c>
    </row>
    <row r="109" spans="1:4" x14ac:dyDescent="0.25">
      <c r="A109" s="2" t="s">
        <v>151</v>
      </c>
      <c r="B109" s="4" t="s">
        <v>776</v>
      </c>
      <c r="C109" s="12">
        <v>0</v>
      </c>
    </row>
    <row r="110" spans="1:4" x14ac:dyDescent="0.25">
      <c r="A110" s="2" t="s">
        <v>153</v>
      </c>
      <c r="B110" s="4" t="s">
        <v>777</v>
      </c>
      <c r="C110" s="12">
        <v>0</v>
      </c>
    </row>
    <row r="111" spans="1:4" x14ac:dyDescent="0.25">
      <c r="A111" s="2" t="s">
        <v>154</v>
      </c>
      <c r="B111" s="4" t="s">
        <v>778</v>
      </c>
      <c r="C111" s="12">
        <v>0</v>
      </c>
    </row>
    <row r="112" spans="1:4" x14ac:dyDescent="0.25">
      <c r="A112" s="2" t="s">
        <v>155</v>
      </c>
      <c r="B112" s="4" t="s">
        <v>779</v>
      </c>
      <c r="C112" s="12">
        <v>45000702.109999999</v>
      </c>
    </row>
    <row r="113" spans="1:3" x14ac:dyDescent="0.25">
      <c r="A113" s="2" t="s">
        <v>157</v>
      </c>
      <c r="B113" s="4" t="s">
        <v>780</v>
      </c>
      <c r="C113" s="12">
        <v>0</v>
      </c>
    </row>
    <row r="114" spans="1:3" x14ac:dyDescent="0.25">
      <c r="A114" s="2" t="s">
        <v>159</v>
      </c>
      <c r="B114" s="4" t="s">
        <v>781</v>
      </c>
      <c r="C114" s="12">
        <v>0</v>
      </c>
    </row>
    <row r="115" spans="1:3" x14ac:dyDescent="0.25">
      <c r="A115" s="2" t="s">
        <v>161</v>
      </c>
      <c r="B115" s="4" t="s">
        <v>782</v>
      </c>
      <c r="C115" s="12">
        <v>567581553.66999996</v>
      </c>
    </row>
    <row r="117" spans="1:3" x14ac:dyDescent="0.25">
      <c r="A117" s="10" t="s">
        <v>6</v>
      </c>
      <c r="B117" s="10" t="s">
        <v>783</v>
      </c>
      <c r="C117" s="10" t="s">
        <v>613</v>
      </c>
    </row>
    <row r="118" spans="1:3" x14ac:dyDescent="0.25">
      <c r="A118" s="10" t="s">
        <v>7</v>
      </c>
      <c r="B118" s="10" t="s">
        <v>7</v>
      </c>
      <c r="C118" s="10" t="s">
        <v>7</v>
      </c>
    </row>
    <row r="119" spans="1:3" x14ac:dyDescent="0.25">
      <c r="A119" s="2" t="s">
        <v>163</v>
      </c>
      <c r="B119" s="4" t="s">
        <v>784</v>
      </c>
      <c r="C119" s="12">
        <v>570993416.17999995</v>
      </c>
    </row>
    <row r="121" spans="1:3" x14ac:dyDescent="0.25">
      <c r="A121" s="10" t="s">
        <v>6</v>
      </c>
      <c r="B121" s="10" t="s">
        <v>785</v>
      </c>
      <c r="C121" s="10" t="s">
        <v>613</v>
      </c>
    </row>
    <row r="122" spans="1:3" x14ac:dyDescent="0.25">
      <c r="A122" s="10" t="s">
        <v>7</v>
      </c>
      <c r="B122" s="10" t="s">
        <v>7</v>
      </c>
      <c r="C122" s="10" t="s">
        <v>7</v>
      </c>
    </row>
    <row r="123" spans="1:3" x14ac:dyDescent="0.25">
      <c r="A123" s="3" t="s">
        <v>165</v>
      </c>
      <c r="B123" s="5" t="s">
        <v>786</v>
      </c>
      <c r="C123" s="11">
        <v>896885383.83000004</v>
      </c>
    </row>
    <row r="124" spans="1:3" x14ac:dyDescent="0.25">
      <c r="A124" s="2" t="s">
        <v>178</v>
      </c>
      <c r="B124" s="4" t="s">
        <v>164</v>
      </c>
      <c r="C124" s="12">
        <v>0</v>
      </c>
    </row>
    <row r="125" spans="1:3" x14ac:dyDescent="0.25">
      <c r="A125" s="2" t="s">
        <v>180</v>
      </c>
      <c r="B125" s="4" t="s">
        <v>787</v>
      </c>
      <c r="C125" s="12">
        <v>896885383.83000004</v>
      </c>
    </row>
    <row r="126" spans="1:3" x14ac:dyDescent="0.25">
      <c r="A126" s="2" t="s">
        <v>182</v>
      </c>
      <c r="B126" s="4" t="s">
        <v>615</v>
      </c>
      <c r="C126" s="12">
        <v>0</v>
      </c>
    </row>
  </sheetData>
  <mergeCells count="43">
    <mergeCell ref="A117:A118"/>
    <mergeCell ref="B117:B118"/>
    <mergeCell ref="C117:C118"/>
    <mergeCell ref="A121:A122"/>
    <mergeCell ref="B121:B122"/>
    <mergeCell ref="C121:C122"/>
    <mergeCell ref="A102:A103"/>
    <mergeCell ref="B102:B103"/>
    <mergeCell ref="C102:C103"/>
    <mergeCell ref="A106:A107"/>
    <mergeCell ref="B106:B107"/>
    <mergeCell ref="C106:C107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78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78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790</v>
      </c>
      <c r="C10" s="10" t="s">
        <v>791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9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804</v>
      </c>
    </row>
    <row r="11" spans="1:14" ht="63" x14ac:dyDescent="0.25">
      <c r="A11" s="10" t="s">
        <v>7</v>
      </c>
      <c r="B11" s="10" t="s">
        <v>7</v>
      </c>
      <c r="C11" s="1" t="s">
        <v>792</v>
      </c>
      <c r="D11" s="1" t="s">
        <v>793</v>
      </c>
      <c r="E11" s="1" t="s">
        <v>794</v>
      </c>
      <c r="F11" s="1" t="s">
        <v>795</v>
      </c>
      <c r="G11" s="1" t="s">
        <v>796</v>
      </c>
      <c r="H11" s="1" t="s">
        <v>798</v>
      </c>
      <c r="I11" s="1" t="s">
        <v>799</v>
      </c>
      <c r="J11" s="1" t="s">
        <v>800</v>
      </c>
      <c r="K11" s="1" t="s">
        <v>801</v>
      </c>
      <c r="L11" s="1" t="s">
        <v>802</v>
      </c>
      <c r="M11" s="1" t="s">
        <v>803</v>
      </c>
      <c r="N11" s="10" t="s">
        <v>7</v>
      </c>
    </row>
    <row r="12" spans="1:14" x14ac:dyDescent="0.25">
      <c r="A12" s="3" t="s">
        <v>17</v>
      </c>
      <c r="B12" s="5" t="s">
        <v>805</v>
      </c>
      <c r="C12" s="11">
        <v>57989275.469999999</v>
      </c>
      <c r="D12" s="11">
        <v>90841684.670000002</v>
      </c>
      <c r="E12" s="11">
        <v>85702960.700000003</v>
      </c>
      <c r="F12" s="11">
        <v>18241186.66</v>
      </c>
      <c r="G12" s="11">
        <v>44886812.780000001</v>
      </c>
      <c r="H12" s="11">
        <v>62589881.68</v>
      </c>
      <c r="I12" s="11">
        <v>948742763.49000001</v>
      </c>
      <c r="J12" s="11">
        <v>293663575.60000002</v>
      </c>
      <c r="K12" s="11">
        <v>251954637.56</v>
      </c>
      <c r="L12" s="11">
        <v>20081189.59</v>
      </c>
      <c r="M12" s="11">
        <v>739296818.01999998</v>
      </c>
      <c r="N12" s="11">
        <v>784183630.79999995</v>
      </c>
    </row>
    <row r="13" spans="1:14" x14ac:dyDescent="0.25">
      <c r="A13" s="2" t="s">
        <v>19</v>
      </c>
      <c r="B13" s="4" t="s">
        <v>806</v>
      </c>
      <c r="C13" s="12">
        <v>57989275.310000002</v>
      </c>
      <c r="D13" s="12">
        <v>75760443.819999993</v>
      </c>
      <c r="E13" s="12">
        <v>73932616.859999999</v>
      </c>
      <c r="F13" s="12">
        <v>18241186.66</v>
      </c>
      <c r="G13" s="12">
        <v>41575915.609999999</v>
      </c>
      <c r="H13" s="12">
        <v>61774663.950000003</v>
      </c>
      <c r="I13" s="12">
        <v>877808695.11000001</v>
      </c>
      <c r="J13" s="12">
        <v>264156371.93000001</v>
      </c>
      <c r="K13" s="12">
        <v>222587350.99000001</v>
      </c>
      <c r="L13" s="12">
        <v>18042467.84</v>
      </c>
      <c r="M13" s="12">
        <v>698953540.23000002</v>
      </c>
      <c r="N13" s="12">
        <v>740529455.84000003</v>
      </c>
    </row>
    <row r="14" spans="1:14" x14ac:dyDescent="0.25">
      <c r="A14" s="3" t="s">
        <v>21</v>
      </c>
      <c r="B14" s="5" t="s">
        <v>807</v>
      </c>
      <c r="C14" s="11">
        <v>0</v>
      </c>
      <c r="D14" s="11">
        <v>4007941.41</v>
      </c>
      <c r="E14" s="11">
        <v>4007941.41</v>
      </c>
      <c r="F14" s="11">
        <v>0</v>
      </c>
      <c r="G14" s="11">
        <v>0</v>
      </c>
      <c r="H14" s="11">
        <v>815217.73</v>
      </c>
      <c r="I14" s="11">
        <v>12006784.75</v>
      </c>
      <c r="J14" s="11">
        <v>7828189.4699999997</v>
      </c>
      <c r="K14" s="11">
        <v>7772717.5300000003</v>
      </c>
      <c r="L14" s="11">
        <v>946052.02</v>
      </c>
      <c r="M14" s="11">
        <v>4103232.93</v>
      </c>
      <c r="N14" s="11">
        <v>4103232.93</v>
      </c>
    </row>
    <row r="15" spans="1:14" x14ac:dyDescent="0.25">
      <c r="A15" s="2" t="s">
        <v>23</v>
      </c>
      <c r="B15" s="4" t="s">
        <v>808</v>
      </c>
      <c r="C15" s="12">
        <v>0</v>
      </c>
      <c r="D15" s="12">
        <v>3334180.51</v>
      </c>
      <c r="E15" s="12">
        <v>3334180.51</v>
      </c>
      <c r="F15" s="12">
        <v>0</v>
      </c>
      <c r="G15" s="12">
        <v>0</v>
      </c>
      <c r="H15" s="12">
        <v>815217.73</v>
      </c>
      <c r="I15" s="12">
        <v>6326691.0800000001</v>
      </c>
      <c r="J15" s="12">
        <v>3434573.11</v>
      </c>
      <c r="K15" s="12">
        <v>3429101.17</v>
      </c>
      <c r="L15" s="12">
        <v>0</v>
      </c>
      <c r="M15" s="12">
        <v>3712807.64</v>
      </c>
      <c r="N15" s="12">
        <v>3712807.64</v>
      </c>
    </row>
    <row r="16" spans="1:14" x14ac:dyDescent="0.25">
      <c r="A16" s="2" t="s">
        <v>25</v>
      </c>
      <c r="B16" s="4" t="s">
        <v>809</v>
      </c>
      <c r="C16" s="12">
        <v>0</v>
      </c>
      <c r="D16" s="12">
        <v>673760.9</v>
      </c>
      <c r="E16" s="12">
        <v>673760.9</v>
      </c>
      <c r="F16" s="12">
        <v>0</v>
      </c>
      <c r="G16" s="12">
        <v>0</v>
      </c>
      <c r="H16" s="12">
        <v>0</v>
      </c>
      <c r="I16" s="12">
        <v>5620093.6699999999</v>
      </c>
      <c r="J16" s="12">
        <v>4333616.3600000003</v>
      </c>
      <c r="K16" s="12">
        <v>4333616.3600000003</v>
      </c>
      <c r="L16" s="12">
        <v>946052.02</v>
      </c>
      <c r="M16" s="12">
        <v>340425.29</v>
      </c>
      <c r="N16" s="12">
        <v>340425.29</v>
      </c>
    </row>
    <row r="17" spans="1:14" x14ac:dyDescent="0.25">
      <c r="A17" s="2" t="s">
        <v>27</v>
      </c>
      <c r="B17" s="4" t="s">
        <v>810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60000</v>
      </c>
      <c r="J17" s="12">
        <v>60000</v>
      </c>
      <c r="K17" s="12">
        <v>10000</v>
      </c>
      <c r="L17" s="12">
        <v>0</v>
      </c>
      <c r="M17" s="12">
        <v>50000</v>
      </c>
      <c r="N17" s="12">
        <v>50000</v>
      </c>
    </row>
    <row r="18" spans="1:14" x14ac:dyDescent="0.25">
      <c r="A18" s="3" t="s">
        <v>29</v>
      </c>
      <c r="B18" s="5" t="s">
        <v>811</v>
      </c>
      <c r="C18" s="11">
        <v>0.16</v>
      </c>
      <c r="D18" s="11">
        <v>3788905.55</v>
      </c>
      <c r="E18" s="11">
        <v>3760276.65</v>
      </c>
      <c r="F18" s="11">
        <v>0</v>
      </c>
      <c r="G18" s="11">
        <v>28629.06</v>
      </c>
      <c r="H18" s="11">
        <v>0</v>
      </c>
      <c r="I18" s="11">
        <v>22162350.27</v>
      </c>
      <c r="J18" s="11">
        <v>13620437.029999999</v>
      </c>
      <c r="K18" s="11">
        <v>13546671.439999999</v>
      </c>
      <c r="L18" s="11">
        <v>305547.44</v>
      </c>
      <c r="M18" s="11">
        <v>8310131.3899999997</v>
      </c>
      <c r="N18" s="11">
        <v>8338760.4500000002</v>
      </c>
    </row>
    <row r="19" spans="1:14" x14ac:dyDescent="0.25">
      <c r="A19" s="2" t="s">
        <v>31</v>
      </c>
      <c r="B19" s="4" t="s">
        <v>812</v>
      </c>
      <c r="C19" s="12">
        <v>0.16</v>
      </c>
      <c r="D19" s="12">
        <v>2444872.67</v>
      </c>
      <c r="E19" s="12">
        <v>2416243.77</v>
      </c>
      <c r="F19" s="12">
        <v>0</v>
      </c>
      <c r="G19" s="12">
        <v>28629.06</v>
      </c>
      <c r="H19" s="12">
        <v>0</v>
      </c>
      <c r="I19" s="12">
        <v>685000</v>
      </c>
      <c r="J19" s="12">
        <v>670663.01</v>
      </c>
      <c r="K19" s="12">
        <v>670663.01</v>
      </c>
      <c r="L19" s="12">
        <v>0</v>
      </c>
      <c r="M19" s="12">
        <v>14336.99</v>
      </c>
      <c r="N19" s="12">
        <v>42966.05</v>
      </c>
    </row>
    <row r="20" spans="1:14" x14ac:dyDescent="0.25">
      <c r="A20" s="2" t="s">
        <v>33</v>
      </c>
      <c r="B20" s="4" t="s">
        <v>813</v>
      </c>
      <c r="C20" s="12">
        <v>0</v>
      </c>
      <c r="D20" s="12">
        <v>1344032.88</v>
      </c>
      <c r="E20" s="12">
        <v>1344032.88</v>
      </c>
      <c r="F20" s="12">
        <v>0</v>
      </c>
      <c r="G20" s="12">
        <v>0</v>
      </c>
      <c r="H20" s="12">
        <v>0</v>
      </c>
      <c r="I20" s="12">
        <v>21477350.27</v>
      </c>
      <c r="J20" s="12">
        <v>12949774.02</v>
      </c>
      <c r="K20" s="12">
        <v>12876008.43</v>
      </c>
      <c r="L20" s="12">
        <v>305547.44</v>
      </c>
      <c r="M20" s="12">
        <v>8295794.4000000004</v>
      </c>
      <c r="N20" s="12">
        <v>8295794.4000000004</v>
      </c>
    </row>
    <row r="21" spans="1:14" x14ac:dyDescent="0.25">
      <c r="A21" s="3" t="s">
        <v>35</v>
      </c>
      <c r="B21" s="5" t="s">
        <v>814</v>
      </c>
      <c r="C21" s="11">
        <v>0</v>
      </c>
      <c r="D21" s="11">
        <v>6820249.0099999998</v>
      </c>
      <c r="E21" s="11">
        <v>3537980.9</v>
      </c>
      <c r="F21" s="11">
        <v>0</v>
      </c>
      <c r="G21" s="11">
        <v>3282268.11</v>
      </c>
      <c r="H21" s="11">
        <v>0</v>
      </c>
      <c r="I21" s="11">
        <v>34568944.939999998</v>
      </c>
      <c r="J21" s="11">
        <v>6806706.5499999998</v>
      </c>
      <c r="K21" s="11">
        <v>6796026.9800000004</v>
      </c>
      <c r="L21" s="11">
        <v>64564.67</v>
      </c>
      <c r="M21" s="11">
        <v>27708353.289999999</v>
      </c>
      <c r="N21" s="11">
        <v>30990621.399999999</v>
      </c>
    </row>
    <row r="22" spans="1:14" x14ac:dyDescent="0.25">
      <c r="A22" s="2" t="s">
        <v>37</v>
      </c>
      <c r="B22" s="4" t="s">
        <v>815</v>
      </c>
      <c r="C22" s="12">
        <v>0</v>
      </c>
      <c r="D22" s="12">
        <v>6820249.0099999998</v>
      </c>
      <c r="E22" s="12">
        <v>3537980.9</v>
      </c>
      <c r="F22" s="12">
        <v>0</v>
      </c>
      <c r="G22" s="12">
        <v>3282268.11</v>
      </c>
      <c r="H22" s="12">
        <v>0</v>
      </c>
      <c r="I22" s="12">
        <v>7720499.4100000001</v>
      </c>
      <c r="J22" s="12">
        <v>3682487.74</v>
      </c>
      <c r="K22" s="12">
        <v>3674361.2</v>
      </c>
      <c r="L22" s="12">
        <v>34824.54</v>
      </c>
      <c r="M22" s="12">
        <v>4011313.67</v>
      </c>
      <c r="N22" s="12">
        <v>7293581.7800000003</v>
      </c>
    </row>
    <row r="23" spans="1:14" x14ac:dyDescent="0.25">
      <c r="A23" s="2" t="s">
        <v>39</v>
      </c>
      <c r="B23" s="4" t="s">
        <v>816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26848445.530000001</v>
      </c>
      <c r="J23" s="12">
        <v>3124218.81</v>
      </c>
      <c r="K23" s="12">
        <v>3121665.78</v>
      </c>
      <c r="L23" s="12">
        <v>29740.13</v>
      </c>
      <c r="M23" s="12">
        <v>23697039.620000001</v>
      </c>
      <c r="N23" s="12">
        <v>23697039.620000001</v>
      </c>
    </row>
    <row r="24" spans="1:14" x14ac:dyDescent="0.25">
      <c r="A24" s="2" t="s">
        <v>41</v>
      </c>
      <c r="B24" s="4" t="s">
        <v>817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3</v>
      </c>
      <c r="B25" s="4" t="s">
        <v>818</v>
      </c>
      <c r="C25" s="12">
        <v>0</v>
      </c>
      <c r="D25" s="12">
        <v>464144.88</v>
      </c>
      <c r="E25" s="12">
        <v>464144.88</v>
      </c>
      <c r="F25" s="12">
        <v>0</v>
      </c>
      <c r="G25" s="12">
        <v>0</v>
      </c>
      <c r="H25" s="12">
        <v>0</v>
      </c>
      <c r="I25" s="12">
        <v>2195988.42</v>
      </c>
      <c r="J25" s="12">
        <v>1251870.6200000001</v>
      </c>
      <c r="K25" s="12">
        <v>1251870.6200000001</v>
      </c>
      <c r="L25" s="12">
        <v>722557.62</v>
      </c>
      <c r="M25" s="12">
        <v>221560.18</v>
      </c>
      <c r="N25" s="12">
        <v>221560.18</v>
      </c>
    </row>
    <row r="26" spans="1:14" x14ac:dyDescent="0.25">
      <c r="A26" s="3" t="s">
        <v>45</v>
      </c>
      <c r="B26" s="5" t="s">
        <v>819</v>
      </c>
      <c r="C26" s="11">
        <v>1289161.1599999999</v>
      </c>
      <c r="D26" s="11">
        <v>16334577.1</v>
      </c>
      <c r="E26" s="11">
        <v>16293652.52</v>
      </c>
      <c r="F26" s="11">
        <v>1435.58</v>
      </c>
      <c r="G26" s="11">
        <v>1328650.1599999999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1328650.1599999999</v>
      </c>
    </row>
    <row r="27" spans="1:14" x14ac:dyDescent="0.25">
      <c r="A27" s="2" t="s">
        <v>47</v>
      </c>
      <c r="B27" s="4" t="s">
        <v>820</v>
      </c>
      <c r="C27" s="12">
        <v>1289106.3400000001</v>
      </c>
      <c r="D27" s="12">
        <v>868983.64</v>
      </c>
      <c r="E27" s="12">
        <v>864852.52</v>
      </c>
      <c r="F27" s="12">
        <v>1435.58</v>
      </c>
      <c r="G27" s="12">
        <v>1291801.8799999999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  <c r="N27" s="12">
        <v>1291801.8799999999</v>
      </c>
    </row>
    <row r="28" spans="1:14" x14ac:dyDescent="0.25">
      <c r="A28" s="3" t="s">
        <v>49</v>
      </c>
      <c r="B28" s="5" t="s">
        <v>821</v>
      </c>
      <c r="C28" s="11">
        <v>0</v>
      </c>
      <c r="D28" s="11">
        <v>17431.84</v>
      </c>
      <c r="E28" s="11">
        <v>17431.84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808</v>
      </c>
      <c r="C29" s="12">
        <v>0</v>
      </c>
      <c r="D29" s="12">
        <v>16865.52</v>
      </c>
      <c r="E29" s="12">
        <v>16865.52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3</v>
      </c>
      <c r="B30" s="4" t="s">
        <v>809</v>
      </c>
      <c r="C30" s="12">
        <v>0</v>
      </c>
      <c r="D30" s="12">
        <v>566.32000000000005</v>
      </c>
      <c r="E30" s="12">
        <v>566.32000000000005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5</v>
      </c>
      <c r="B31" s="4" t="s">
        <v>810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7</v>
      </c>
      <c r="B32" s="5" t="s">
        <v>822</v>
      </c>
      <c r="C32" s="11">
        <v>54.82</v>
      </c>
      <c r="D32" s="11">
        <v>13173721.390000001</v>
      </c>
      <c r="E32" s="11">
        <v>13136927.93</v>
      </c>
      <c r="F32" s="11">
        <v>0</v>
      </c>
      <c r="G32" s="11">
        <v>36848.28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36848.28</v>
      </c>
    </row>
    <row r="33" spans="1:14" x14ac:dyDescent="0.25">
      <c r="A33" s="2" t="s">
        <v>59</v>
      </c>
      <c r="B33" s="4" t="s">
        <v>812</v>
      </c>
      <c r="C33" s="12">
        <v>54.82</v>
      </c>
      <c r="D33" s="12">
        <v>13173721.390000001</v>
      </c>
      <c r="E33" s="12">
        <v>13136927.93</v>
      </c>
      <c r="F33" s="12">
        <v>0</v>
      </c>
      <c r="G33" s="12">
        <v>36848.28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36848.28</v>
      </c>
    </row>
    <row r="34" spans="1:14" x14ac:dyDescent="0.25">
      <c r="A34" s="2" t="s">
        <v>61</v>
      </c>
      <c r="B34" s="4" t="s">
        <v>813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3</v>
      </c>
      <c r="B35" s="5" t="s">
        <v>814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815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7</v>
      </c>
      <c r="B37" s="4" t="s">
        <v>816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9</v>
      </c>
      <c r="B38" s="4" t="s">
        <v>817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1</v>
      </c>
      <c r="B39" s="4" t="s">
        <v>818</v>
      </c>
      <c r="C39" s="12">
        <v>0</v>
      </c>
      <c r="D39" s="12">
        <v>2274440.23</v>
      </c>
      <c r="E39" s="12">
        <v>2274440.23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3</v>
      </c>
      <c r="B40" s="5" t="s">
        <v>823</v>
      </c>
      <c r="C40" s="11">
        <v>59278436.630000003</v>
      </c>
      <c r="D40" s="11">
        <v>107176261.77</v>
      </c>
      <c r="E40" s="11">
        <v>101996613.22</v>
      </c>
      <c r="F40" s="11">
        <v>18242622.239999998</v>
      </c>
      <c r="G40" s="11">
        <v>46215462.939999998</v>
      </c>
      <c r="H40" s="11">
        <v>62589881.68</v>
      </c>
      <c r="I40" s="11">
        <v>948742763.49000001</v>
      </c>
      <c r="J40" s="11">
        <v>293663575.60000002</v>
      </c>
      <c r="K40" s="11">
        <v>251954637.56</v>
      </c>
      <c r="L40" s="11">
        <v>20081189.59</v>
      </c>
      <c r="M40" s="11">
        <v>739296818.01999998</v>
      </c>
      <c r="N40" s="11">
        <v>785512280.96000004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71"/>
  <sheetViews>
    <sheetView showGridLines="0" topLeftCell="A145" workbookViewId="0">
      <selection activeCell="F166" sqref="F166"/>
    </sheetView>
  </sheetViews>
  <sheetFormatPr defaultRowHeight="15" x14ac:dyDescent="0.25"/>
  <cols>
    <col min="1" max="1" width="2.7109375" bestFit="1" customWidth="1"/>
    <col min="2" max="2" width="128" bestFit="1" customWidth="1"/>
    <col min="3" max="3" width="20.42578125" bestFit="1" customWidth="1"/>
    <col min="4" max="4" width="19.28515625" bestFit="1" customWidth="1"/>
    <col min="5" max="6" width="17.42578125" bestFit="1" customWidth="1"/>
    <col min="7" max="7" width="17.2851562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824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825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826</v>
      </c>
      <c r="C10" s="10" t="s">
        <v>10</v>
      </c>
      <c r="D10" s="10" t="s">
        <v>578</v>
      </c>
    </row>
    <row r="11" spans="1:8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8" x14ac:dyDescent="0.25">
      <c r="A12" s="3" t="s">
        <v>17</v>
      </c>
      <c r="B12" s="5" t="s">
        <v>827</v>
      </c>
      <c r="C12" s="11">
        <v>14363536100</v>
      </c>
      <c r="D12" s="11">
        <v>2818139128.5999999</v>
      </c>
    </row>
    <row r="13" spans="1:8" x14ac:dyDescent="0.25">
      <c r="A13" s="3" t="s">
        <v>19</v>
      </c>
      <c r="B13" s="5" t="s">
        <v>828</v>
      </c>
      <c r="C13" s="11">
        <v>12111311000</v>
      </c>
      <c r="D13" s="11">
        <v>2138437157.8399999</v>
      </c>
    </row>
    <row r="14" spans="1:8" x14ac:dyDescent="0.25">
      <c r="A14" s="2" t="s">
        <v>21</v>
      </c>
      <c r="B14" s="4" t="s">
        <v>829</v>
      </c>
      <c r="C14" s="12">
        <v>11995776900</v>
      </c>
      <c r="D14" s="12">
        <v>2122782305.03</v>
      </c>
    </row>
    <row r="15" spans="1:8" x14ac:dyDescent="0.25">
      <c r="A15" s="2" t="s">
        <v>23</v>
      </c>
      <c r="B15" s="4" t="s">
        <v>830</v>
      </c>
      <c r="C15" s="12">
        <v>115534100</v>
      </c>
      <c r="D15" s="12">
        <v>15654852.810000001</v>
      </c>
    </row>
    <row r="16" spans="1:8" x14ac:dyDescent="0.25">
      <c r="A16" s="2" t="s">
        <v>25</v>
      </c>
      <c r="B16" s="4" t="s">
        <v>831</v>
      </c>
      <c r="C16" s="12">
        <v>295720100</v>
      </c>
      <c r="D16" s="12">
        <v>52329151.210000001</v>
      </c>
    </row>
    <row r="17" spans="1:4" x14ac:dyDescent="0.25">
      <c r="A17" s="2" t="s">
        <v>27</v>
      </c>
      <c r="B17" s="4" t="s">
        <v>832</v>
      </c>
      <c r="C17" s="12">
        <v>925275000</v>
      </c>
      <c r="D17" s="12">
        <v>481381989.94999999</v>
      </c>
    </row>
    <row r="18" spans="1:4" x14ac:dyDescent="0.25">
      <c r="A18" s="2" t="s">
        <v>29</v>
      </c>
      <c r="B18" s="4" t="s">
        <v>833</v>
      </c>
      <c r="C18" s="12">
        <v>1031230000</v>
      </c>
      <c r="D18" s="12">
        <v>145990829.59999999</v>
      </c>
    </row>
    <row r="19" spans="1:4" x14ac:dyDescent="0.25">
      <c r="A19" s="3" t="s">
        <v>31</v>
      </c>
      <c r="B19" s="5" t="s">
        <v>834</v>
      </c>
      <c r="C19" s="11">
        <v>1438221100</v>
      </c>
      <c r="D19" s="11">
        <v>438731660.17000002</v>
      </c>
    </row>
    <row r="20" spans="1:4" x14ac:dyDescent="0.25">
      <c r="A20" s="2" t="s">
        <v>33</v>
      </c>
      <c r="B20" s="4" t="s">
        <v>835</v>
      </c>
      <c r="C20" s="12">
        <v>1323420200</v>
      </c>
      <c r="D20" s="12">
        <v>415958333.74000001</v>
      </c>
    </row>
    <row r="21" spans="1:4" x14ac:dyDescent="0.25">
      <c r="A21" s="2" t="s">
        <v>35</v>
      </c>
      <c r="B21" s="4" t="s">
        <v>836</v>
      </c>
      <c r="C21" s="12">
        <v>114800900</v>
      </c>
      <c r="D21" s="12">
        <v>22773326.43</v>
      </c>
    </row>
    <row r="22" spans="1:4" x14ac:dyDescent="0.25">
      <c r="A22" s="2" t="s">
        <v>37</v>
      </c>
      <c r="B22" s="4" t="s">
        <v>837</v>
      </c>
      <c r="C22" s="12">
        <v>0</v>
      </c>
      <c r="D22" s="12">
        <v>0</v>
      </c>
    </row>
    <row r="23" spans="1:4" x14ac:dyDescent="0.25">
      <c r="A23" s="2" t="s">
        <v>39</v>
      </c>
      <c r="B23" s="4" t="s">
        <v>838</v>
      </c>
      <c r="C23" s="12">
        <v>0</v>
      </c>
      <c r="D23" s="12">
        <v>0</v>
      </c>
    </row>
    <row r="24" spans="1:4" x14ac:dyDescent="0.25">
      <c r="A24" s="3" t="s">
        <v>41</v>
      </c>
      <c r="B24" s="5" t="s">
        <v>839</v>
      </c>
      <c r="C24" s="11">
        <v>3490281900</v>
      </c>
      <c r="D24" s="11">
        <v>777079903.20000005</v>
      </c>
    </row>
    <row r="25" spans="1:4" x14ac:dyDescent="0.25">
      <c r="A25" s="2" t="s">
        <v>43</v>
      </c>
      <c r="B25" s="4" t="s">
        <v>840</v>
      </c>
      <c r="C25" s="12">
        <v>2998944200</v>
      </c>
      <c r="D25" s="12">
        <v>530695576.36000001</v>
      </c>
    </row>
    <row r="26" spans="1:4" x14ac:dyDescent="0.25">
      <c r="A26" s="2" t="s">
        <v>45</v>
      </c>
      <c r="B26" s="4" t="s">
        <v>841</v>
      </c>
      <c r="C26" s="12">
        <v>462637500</v>
      </c>
      <c r="D26" s="12">
        <v>240690995.27000001</v>
      </c>
    </row>
    <row r="27" spans="1:4" x14ac:dyDescent="0.25">
      <c r="A27" s="2" t="s">
        <v>47</v>
      </c>
      <c r="B27" s="4" t="s">
        <v>842</v>
      </c>
      <c r="C27" s="12">
        <v>28700200</v>
      </c>
      <c r="D27" s="12">
        <v>5693331.5700000003</v>
      </c>
    </row>
    <row r="28" spans="1:4" x14ac:dyDescent="0.25">
      <c r="A28" s="3" t="s">
        <v>49</v>
      </c>
      <c r="B28" s="5" t="s">
        <v>843</v>
      </c>
      <c r="C28" s="11">
        <v>12311475300</v>
      </c>
      <c r="D28" s="11">
        <v>2479790885.5700002</v>
      </c>
    </row>
    <row r="30" spans="1:4" x14ac:dyDescent="0.25">
      <c r="A30" s="10" t="s">
        <v>6</v>
      </c>
      <c r="B30" s="10" t="s">
        <v>844</v>
      </c>
      <c r="C30" s="10" t="s">
        <v>10</v>
      </c>
      <c r="D30" s="10" t="s">
        <v>578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51</v>
      </c>
      <c r="B32" s="4" t="s">
        <v>844</v>
      </c>
      <c r="C32" s="12">
        <v>2256049060</v>
      </c>
      <c r="D32" s="12">
        <v>466760011.19</v>
      </c>
    </row>
    <row r="34" spans="1:4" x14ac:dyDescent="0.25">
      <c r="A34" s="10" t="s">
        <v>6</v>
      </c>
      <c r="B34" s="10" t="s">
        <v>845</v>
      </c>
      <c r="C34" s="10" t="s">
        <v>10</v>
      </c>
      <c r="D34" s="10" t="s">
        <v>578</v>
      </c>
    </row>
    <row r="35" spans="1:4" x14ac:dyDescent="0.25">
      <c r="A35" s="10" t="s">
        <v>7</v>
      </c>
      <c r="B35" s="10" t="s">
        <v>7</v>
      </c>
      <c r="C35" s="10" t="s">
        <v>7</v>
      </c>
      <c r="D35" s="10" t="s">
        <v>7</v>
      </c>
    </row>
    <row r="36" spans="1:4" x14ac:dyDescent="0.25">
      <c r="A36" s="2" t="s">
        <v>53</v>
      </c>
      <c r="B36" s="4" t="s">
        <v>845</v>
      </c>
      <c r="C36" s="12">
        <v>821819765</v>
      </c>
      <c r="D36" s="12">
        <v>153187710.19999999</v>
      </c>
    </row>
    <row r="38" spans="1:4" x14ac:dyDescent="0.25">
      <c r="A38" s="10" t="s">
        <v>6</v>
      </c>
      <c r="B38" s="10" t="s">
        <v>846</v>
      </c>
      <c r="C38" s="10" t="s">
        <v>10</v>
      </c>
      <c r="D38" s="10" t="s">
        <v>578</v>
      </c>
    </row>
    <row r="39" spans="1:4" x14ac:dyDescent="0.25">
      <c r="A39" s="10" t="s">
        <v>7</v>
      </c>
      <c r="B39" s="10" t="s">
        <v>7</v>
      </c>
      <c r="C39" s="10" t="s">
        <v>7</v>
      </c>
      <c r="D39" s="10" t="s">
        <v>7</v>
      </c>
    </row>
    <row r="40" spans="1:4" x14ac:dyDescent="0.25">
      <c r="A40" s="3" t="s">
        <v>55</v>
      </c>
      <c r="B40" s="5" t="s">
        <v>847</v>
      </c>
      <c r="C40" s="11">
        <v>1252844900</v>
      </c>
      <c r="D40" s="11">
        <v>264397010.13999999</v>
      </c>
    </row>
    <row r="41" spans="1:4" x14ac:dyDescent="0.25">
      <c r="A41" s="3" t="s">
        <v>57</v>
      </c>
      <c r="B41" s="5" t="s">
        <v>848</v>
      </c>
      <c r="C41" s="11">
        <v>1252844900</v>
      </c>
      <c r="D41" s="11">
        <v>264397010.13999999</v>
      </c>
    </row>
    <row r="42" spans="1:4" x14ac:dyDescent="0.25">
      <c r="A42" s="2" t="s">
        <v>59</v>
      </c>
      <c r="B42" s="4" t="s">
        <v>849</v>
      </c>
      <c r="C42" s="12">
        <v>1252844900</v>
      </c>
      <c r="D42" s="12">
        <v>262459252.81</v>
      </c>
    </row>
    <row r="43" spans="1:4" x14ac:dyDescent="0.25">
      <c r="A43" s="2" t="s">
        <v>61</v>
      </c>
      <c r="B43" s="4" t="s">
        <v>850</v>
      </c>
      <c r="C43" s="12">
        <v>0</v>
      </c>
      <c r="D43" s="12">
        <v>1937757.33</v>
      </c>
    </row>
    <row r="44" spans="1:4" x14ac:dyDescent="0.25">
      <c r="A44" s="3" t="s">
        <v>63</v>
      </c>
      <c r="B44" s="5" t="s">
        <v>851</v>
      </c>
      <c r="C44" s="11">
        <v>0</v>
      </c>
      <c r="D44" s="11">
        <v>0</v>
      </c>
    </row>
    <row r="45" spans="1:4" x14ac:dyDescent="0.25">
      <c r="A45" s="2" t="s">
        <v>65</v>
      </c>
      <c r="B45" s="4" t="s">
        <v>852</v>
      </c>
      <c r="C45" s="12">
        <v>0</v>
      </c>
      <c r="D45" s="12">
        <v>0</v>
      </c>
    </row>
    <row r="46" spans="1:4" x14ac:dyDescent="0.25">
      <c r="A46" s="2" t="s">
        <v>67</v>
      </c>
      <c r="B46" s="4" t="s">
        <v>853</v>
      </c>
      <c r="C46" s="12">
        <v>0</v>
      </c>
      <c r="D46" s="12">
        <v>0</v>
      </c>
    </row>
    <row r="47" spans="1:4" x14ac:dyDescent="0.25">
      <c r="A47" s="3" t="s">
        <v>69</v>
      </c>
      <c r="B47" s="5" t="s">
        <v>854</v>
      </c>
      <c r="C47" s="11">
        <v>0</v>
      </c>
      <c r="D47" s="11">
        <v>0</v>
      </c>
    </row>
    <row r="48" spans="1:4" x14ac:dyDescent="0.25">
      <c r="A48" s="2" t="s">
        <v>71</v>
      </c>
      <c r="B48" s="4" t="s">
        <v>855</v>
      </c>
      <c r="C48" s="12">
        <v>0</v>
      </c>
      <c r="D48" s="12">
        <v>0</v>
      </c>
    </row>
    <row r="49" spans="1:7" x14ac:dyDescent="0.25">
      <c r="A49" s="2" t="s">
        <v>73</v>
      </c>
      <c r="B49" s="4" t="s">
        <v>856</v>
      </c>
      <c r="C49" s="12">
        <v>0</v>
      </c>
      <c r="D49" s="12">
        <v>0</v>
      </c>
    </row>
    <row r="50" spans="1:7" x14ac:dyDescent="0.25">
      <c r="A50" s="2" t="s">
        <v>75</v>
      </c>
      <c r="B50" s="4" t="s">
        <v>857</v>
      </c>
      <c r="C50" s="12">
        <v>-1003204160</v>
      </c>
      <c r="D50" s="12">
        <v>-204300758.38</v>
      </c>
    </row>
    <row r="52" spans="1:7" x14ac:dyDescent="0.25">
      <c r="A52" s="10" t="s">
        <v>6</v>
      </c>
      <c r="B52" s="10" t="s">
        <v>858</v>
      </c>
      <c r="C52" s="10" t="s">
        <v>398</v>
      </c>
    </row>
    <row r="53" spans="1:7" x14ac:dyDescent="0.25">
      <c r="A53" s="10" t="s">
        <v>7</v>
      </c>
      <c r="B53" s="10" t="s">
        <v>7</v>
      </c>
      <c r="C53" s="10" t="s">
        <v>7</v>
      </c>
    </row>
    <row r="54" spans="1:7" x14ac:dyDescent="0.25">
      <c r="A54" s="3" t="s">
        <v>77</v>
      </c>
      <c r="B54" s="5" t="s">
        <v>859</v>
      </c>
      <c r="C54" s="11">
        <v>71668594.209999993</v>
      </c>
    </row>
    <row r="55" spans="1:7" x14ac:dyDescent="0.25">
      <c r="A55" s="2" t="s">
        <v>79</v>
      </c>
      <c r="B55" s="4" t="s">
        <v>860</v>
      </c>
      <c r="C55" s="12">
        <v>71668594.209999993</v>
      </c>
    </row>
    <row r="56" spans="1:7" x14ac:dyDescent="0.25">
      <c r="A56" s="2" t="s">
        <v>81</v>
      </c>
      <c r="B56" s="4" t="s">
        <v>861</v>
      </c>
      <c r="C56" s="12">
        <v>0</v>
      </c>
    </row>
    <row r="58" spans="1:7" x14ac:dyDescent="0.25">
      <c r="A58" s="10" t="s">
        <v>6</v>
      </c>
      <c r="B58" s="10" t="s">
        <v>862</v>
      </c>
      <c r="C58" s="10" t="s">
        <v>398</v>
      </c>
    </row>
    <row r="59" spans="1:7" x14ac:dyDescent="0.25">
      <c r="A59" s="10" t="s">
        <v>7</v>
      </c>
      <c r="B59" s="10" t="s">
        <v>7</v>
      </c>
      <c r="C59" s="10" t="s">
        <v>7</v>
      </c>
    </row>
    <row r="60" spans="1:7" x14ac:dyDescent="0.25">
      <c r="A60" s="2" t="s">
        <v>83</v>
      </c>
      <c r="B60" s="4" t="s">
        <v>862</v>
      </c>
      <c r="C60" s="12">
        <v>336065604.35000002</v>
      </c>
    </row>
    <row r="62" spans="1:7" x14ac:dyDescent="0.25">
      <c r="A62" s="10" t="s">
        <v>6</v>
      </c>
      <c r="B62" s="10" t="s">
        <v>863</v>
      </c>
      <c r="C62" s="10" t="s">
        <v>600</v>
      </c>
      <c r="D62" s="10" t="s">
        <v>601</v>
      </c>
      <c r="E62" s="10" t="s">
        <v>602</v>
      </c>
      <c r="F62" s="10" t="s">
        <v>603</v>
      </c>
      <c r="G62" s="10" t="s">
        <v>864</v>
      </c>
    </row>
    <row r="63" spans="1:7" x14ac:dyDescent="0.25">
      <c r="A63" s="10" t="s">
        <v>7</v>
      </c>
      <c r="B63" s="10" t="s">
        <v>7</v>
      </c>
      <c r="C63" s="10" t="s">
        <v>7</v>
      </c>
      <c r="D63" s="10" t="s">
        <v>7</v>
      </c>
      <c r="E63" s="10" t="s">
        <v>7</v>
      </c>
      <c r="F63" s="10" t="s">
        <v>7</v>
      </c>
      <c r="G63" s="10" t="s">
        <v>7</v>
      </c>
    </row>
    <row r="64" spans="1:7" x14ac:dyDescent="0.25">
      <c r="A64" s="3" t="s">
        <v>85</v>
      </c>
      <c r="B64" s="5" t="s">
        <v>865</v>
      </c>
      <c r="C64" s="11">
        <v>1231914400</v>
      </c>
      <c r="D64" s="11">
        <v>197622730.58000001</v>
      </c>
      <c r="E64" s="11">
        <v>197221351.78</v>
      </c>
      <c r="F64" s="11">
        <v>196564990.49000001</v>
      </c>
      <c r="G64" s="11">
        <v>0</v>
      </c>
    </row>
    <row r="65" spans="1:7" x14ac:dyDescent="0.25">
      <c r="A65" s="2" t="s">
        <v>87</v>
      </c>
      <c r="B65" s="4" t="s">
        <v>866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</row>
    <row r="66" spans="1:7" x14ac:dyDescent="0.25">
      <c r="A66" s="2" t="s">
        <v>89</v>
      </c>
      <c r="B66" s="4" t="s">
        <v>867</v>
      </c>
      <c r="C66" s="12">
        <v>1231914400</v>
      </c>
      <c r="D66" s="12">
        <v>197622730.58000001</v>
      </c>
      <c r="E66" s="12">
        <v>197221351.78</v>
      </c>
      <c r="F66" s="12">
        <v>196564990.49000001</v>
      </c>
      <c r="G66" s="12">
        <v>0</v>
      </c>
    </row>
    <row r="67" spans="1:7" x14ac:dyDescent="0.25">
      <c r="A67" s="3" t="s">
        <v>91</v>
      </c>
      <c r="B67" s="5" t="s">
        <v>868</v>
      </c>
      <c r="C67" s="11">
        <v>20930500</v>
      </c>
      <c r="D67" s="11">
        <v>1777975.18</v>
      </c>
      <c r="E67" s="11">
        <v>1461734.26</v>
      </c>
      <c r="F67" s="11">
        <v>1461734.26</v>
      </c>
      <c r="G67" s="11">
        <v>0</v>
      </c>
    </row>
    <row r="68" spans="1:7" x14ac:dyDescent="0.25">
      <c r="A68" s="2" t="s">
        <v>93</v>
      </c>
      <c r="B68" s="4" t="s">
        <v>869</v>
      </c>
      <c r="C68" s="12">
        <v>4000000</v>
      </c>
      <c r="D68" s="12">
        <v>0</v>
      </c>
      <c r="E68" s="12">
        <v>0</v>
      </c>
      <c r="F68" s="12">
        <v>0</v>
      </c>
      <c r="G68" s="12">
        <v>0</v>
      </c>
    </row>
    <row r="69" spans="1:7" x14ac:dyDescent="0.25">
      <c r="A69" s="2" t="s">
        <v>95</v>
      </c>
      <c r="B69" s="4" t="s">
        <v>870</v>
      </c>
      <c r="C69" s="12">
        <v>16930500</v>
      </c>
      <c r="D69" s="12">
        <v>1777975.18</v>
      </c>
      <c r="E69" s="12">
        <v>1461734.26</v>
      </c>
      <c r="F69" s="12">
        <v>1461734.26</v>
      </c>
      <c r="G69" s="12">
        <v>0</v>
      </c>
    </row>
    <row r="70" spans="1:7" x14ac:dyDescent="0.25">
      <c r="A70" s="3" t="s">
        <v>97</v>
      </c>
      <c r="B70" s="5" t="s">
        <v>871</v>
      </c>
      <c r="C70" s="11">
        <v>1252844900</v>
      </c>
      <c r="D70" s="11">
        <v>199400705.75999999</v>
      </c>
      <c r="E70" s="11">
        <v>198683086.03999999</v>
      </c>
      <c r="F70" s="11">
        <v>198026724.75</v>
      </c>
      <c r="G70" s="11">
        <v>0</v>
      </c>
    </row>
    <row r="72" spans="1:7" x14ac:dyDescent="0.25">
      <c r="A72" s="10" t="s">
        <v>6</v>
      </c>
      <c r="B72" s="10" t="s">
        <v>872</v>
      </c>
      <c r="C72" s="10" t="s">
        <v>601</v>
      </c>
      <c r="D72" s="10" t="s">
        <v>602</v>
      </c>
      <c r="E72" s="10" t="s">
        <v>603</v>
      </c>
      <c r="F72" s="10" t="s">
        <v>864</v>
      </c>
      <c r="G72" s="10" t="s">
        <v>873</v>
      </c>
    </row>
    <row r="73" spans="1:7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0" t="s">
        <v>7</v>
      </c>
      <c r="F73" s="10" t="s">
        <v>7</v>
      </c>
      <c r="G73" s="10" t="s">
        <v>7</v>
      </c>
    </row>
    <row r="74" spans="1:7" x14ac:dyDescent="0.25">
      <c r="A74" s="2" t="s">
        <v>99</v>
      </c>
      <c r="B74" s="4" t="s">
        <v>874</v>
      </c>
      <c r="C74" s="12">
        <v>197622730.58000001</v>
      </c>
      <c r="D74" s="12">
        <v>197221351.78</v>
      </c>
      <c r="E74" s="12">
        <v>196564990.49000001</v>
      </c>
      <c r="F74" s="12">
        <v>0</v>
      </c>
      <c r="G74" s="12">
        <v>0</v>
      </c>
    </row>
    <row r="75" spans="1:7" x14ac:dyDescent="0.25">
      <c r="A75" s="2" t="s">
        <v>101</v>
      </c>
      <c r="B75" s="4" t="s">
        <v>875</v>
      </c>
      <c r="C75" s="12">
        <v>199400705.75999999</v>
      </c>
      <c r="D75" s="12">
        <v>198683086.03999999</v>
      </c>
      <c r="E75" s="12">
        <v>198026724.75</v>
      </c>
      <c r="F75" s="12">
        <v>0</v>
      </c>
      <c r="G75" s="12">
        <v>0</v>
      </c>
    </row>
    <row r="76" spans="1:7" x14ac:dyDescent="0.25">
      <c r="A76" s="2" t="s">
        <v>103</v>
      </c>
      <c r="B76" s="4" t="s">
        <v>876</v>
      </c>
      <c r="C76" s="12">
        <v>0</v>
      </c>
      <c r="D76" s="12">
        <v>0</v>
      </c>
      <c r="E76" s="12">
        <v>0</v>
      </c>
      <c r="F76" s="12">
        <v>0</v>
      </c>
      <c r="G76" s="12">
        <v>0</v>
      </c>
    </row>
    <row r="77" spans="1:7" x14ac:dyDescent="0.25">
      <c r="A77" s="2" t="s">
        <v>105</v>
      </c>
      <c r="B77" s="4" t="s">
        <v>877</v>
      </c>
      <c r="C77" s="12">
        <v>0</v>
      </c>
      <c r="D77" s="12">
        <v>0</v>
      </c>
      <c r="E77" s="12">
        <v>0</v>
      </c>
      <c r="F77" s="12">
        <v>0</v>
      </c>
      <c r="G77" s="12">
        <v>0</v>
      </c>
    </row>
    <row r="78" spans="1:7" x14ac:dyDescent="0.25">
      <c r="A78" s="2" t="s">
        <v>107</v>
      </c>
      <c r="B78" s="4" t="s">
        <v>878</v>
      </c>
      <c r="C78" s="12">
        <v>0</v>
      </c>
      <c r="D78" s="12">
        <v>0</v>
      </c>
      <c r="E78" s="12">
        <v>0</v>
      </c>
      <c r="F78" s="12">
        <v>0</v>
      </c>
      <c r="G78" s="12">
        <v>0</v>
      </c>
    </row>
    <row r="80" spans="1:7" x14ac:dyDescent="0.25">
      <c r="A80" s="10" t="s">
        <v>6</v>
      </c>
      <c r="B80" s="10" t="s">
        <v>879</v>
      </c>
      <c r="C80" s="10" t="s">
        <v>880</v>
      </c>
      <c r="D80" s="10" t="s">
        <v>881</v>
      </c>
      <c r="E80" s="10" t="s">
        <v>882</v>
      </c>
      <c r="F80" s="10" t="s">
        <v>883</v>
      </c>
    </row>
    <row r="81" spans="1:8" x14ac:dyDescent="0.25">
      <c r="A81" s="10" t="s">
        <v>7</v>
      </c>
      <c r="B81" s="10" t="s">
        <v>7</v>
      </c>
      <c r="C81" s="10" t="s">
        <v>7</v>
      </c>
      <c r="D81" s="10" t="s">
        <v>7</v>
      </c>
      <c r="E81" s="10" t="s">
        <v>7</v>
      </c>
      <c r="F81" s="10" t="s">
        <v>7</v>
      </c>
    </row>
    <row r="82" spans="1:8" x14ac:dyDescent="0.25">
      <c r="A82" s="2" t="s">
        <v>109</v>
      </c>
      <c r="B82" s="4" t="s">
        <v>884</v>
      </c>
      <c r="C82" s="12">
        <v>185077907.09999999</v>
      </c>
      <c r="D82" s="12">
        <v>197221351.78</v>
      </c>
      <c r="E82" s="12">
        <v>197221351.78</v>
      </c>
      <c r="F82" s="12">
        <v>74.59</v>
      </c>
    </row>
    <row r="83" spans="1:8" x14ac:dyDescent="0.25">
      <c r="A83" s="2" t="s">
        <v>111</v>
      </c>
      <c r="B83" s="4" t="s">
        <v>885</v>
      </c>
      <c r="C83" s="12">
        <v>0</v>
      </c>
      <c r="D83" s="12">
        <v>0</v>
      </c>
      <c r="E83" s="12">
        <v>0</v>
      </c>
      <c r="F83" s="12">
        <v>0</v>
      </c>
    </row>
    <row r="85" spans="1:8" x14ac:dyDescent="0.25">
      <c r="A85" s="10" t="s">
        <v>6</v>
      </c>
      <c r="B85" s="10" t="s">
        <v>886</v>
      </c>
      <c r="C85" s="10" t="s">
        <v>887</v>
      </c>
      <c r="D85" s="10" t="s">
        <v>888</v>
      </c>
      <c r="E85" s="10" t="s">
        <v>889</v>
      </c>
      <c r="F85" s="10" t="s">
        <v>890</v>
      </c>
    </row>
    <row r="86" spans="1:8" x14ac:dyDescent="0.25">
      <c r="A86" s="10" t="s">
        <v>7</v>
      </c>
      <c r="B86" s="10" t="s">
        <v>7</v>
      </c>
      <c r="C86" s="10" t="s">
        <v>7</v>
      </c>
      <c r="D86" s="10" t="s">
        <v>7</v>
      </c>
      <c r="E86" s="10" t="s">
        <v>7</v>
      </c>
      <c r="F86" s="10" t="s">
        <v>7</v>
      </c>
    </row>
    <row r="87" spans="1:8" x14ac:dyDescent="0.25">
      <c r="A87" s="2" t="s">
        <v>113</v>
      </c>
      <c r="B87" s="4" t="s">
        <v>891</v>
      </c>
      <c r="C87" s="12">
        <v>26439701.010000002</v>
      </c>
      <c r="D87" s="12">
        <v>64996304.380000003</v>
      </c>
      <c r="E87" s="12">
        <v>64996304.380000003</v>
      </c>
      <c r="F87" s="12">
        <v>24.58</v>
      </c>
    </row>
    <row r="89" spans="1:8" x14ac:dyDescent="0.25">
      <c r="A89" s="10" t="s">
        <v>6</v>
      </c>
      <c r="B89" s="10" t="s">
        <v>892</v>
      </c>
      <c r="C89" s="10" t="s">
        <v>893</v>
      </c>
      <c r="D89" s="10" t="s">
        <v>894</v>
      </c>
      <c r="E89" s="10" t="s">
        <v>895</v>
      </c>
      <c r="F89" s="10" t="s">
        <v>896</v>
      </c>
      <c r="G89" s="10" t="s">
        <v>897</v>
      </c>
      <c r="H89" s="10" t="s">
        <v>898</v>
      </c>
    </row>
    <row r="90" spans="1:8" x14ac:dyDescent="0.25">
      <c r="A90" s="10" t="s">
        <v>7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0" t="s">
        <v>7</v>
      </c>
      <c r="H90" s="10" t="s">
        <v>7</v>
      </c>
    </row>
    <row r="91" spans="1:8" x14ac:dyDescent="0.25">
      <c r="A91" s="3" t="s">
        <v>115</v>
      </c>
      <c r="B91" s="5" t="s">
        <v>899</v>
      </c>
      <c r="C91" s="11">
        <v>139342472.56999999</v>
      </c>
      <c r="D91" s="11">
        <v>13901460.279999999</v>
      </c>
      <c r="E91" s="11">
        <v>13901460.279999999</v>
      </c>
      <c r="F91" s="11">
        <v>0</v>
      </c>
      <c r="G91" s="11">
        <v>0</v>
      </c>
      <c r="H91" s="11">
        <v>0</v>
      </c>
    </row>
    <row r="92" spans="1:8" x14ac:dyDescent="0.25">
      <c r="A92" s="2" t="s">
        <v>117</v>
      </c>
      <c r="B92" s="4" t="s">
        <v>900</v>
      </c>
      <c r="C92" s="12">
        <v>139342472.56999999</v>
      </c>
      <c r="D92" s="12">
        <v>13901460.279999999</v>
      </c>
      <c r="E92" s="12">
        <v>13901460.279999999</v>
      </c>
      <c r="F92" s="12">
        <v>0</v>
      </c>
      <c r="G92" s="12">
        <v>0</v>
      </c>
      <c r="H92" s="12">
        <v>0</v>
      </c>
    </row>
    <row r="93" spans="1:8" x14ac:dyDescent="0.25">
      <c r="A93" s="2" t="s">
        <v>119</v>
      </c>
      <c r="B93" s="4" t="s">
        <v>901</v>
      </c>
      <c r="C93" s="12">
        <v>0</v>
      </c>
      <c r="D93" s="12">
        <v>0</v>
      </c>
      <c r="E93" s="12">
        <v>0</v>
      </c>
      <c r="F93" s="12">
        <v>0</v>
      </c>
      <c r="G93" s="12">
        <v>0</v>
      </c>
      <c r="H93" s="12">
        <v>0</v>
      </c>
    </row>
    <row r="95" spans="1:8" x14ac:dyDescent="0.25">
      <c r="A95" s="10" t="s">
        <v>6</v>
      </c>
      <c r="B95" s="10" t="s">
        <v>902</v>
      </c>
      <c r="C95" s="10" t="s">
        <v>600</v>
      </c>
      <c r="D95" s="10" t="s">
        <v>601</v>
      </c>
      <c r="E95" s="10" t="s">
        <v>602</v>
      </c>
      <c r="F95" s="10" t="s">
        <v>603</v>
      </c>
      <c r="G95" s="10" t="s">
        <v>864</v>
      </c>
    </row>
    <row r="96" spans="1:8" x14ac:dyDescent="0.25">
      <c r="A96" s="10" t="s">
        <v>7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0" t="s">
        <v>7</v>
      </c>
    </row>
    <row r="97" spans="1:7" x14ac:dyDescent="0.25">
      <c r="A97" s="3" t="s">
        <v>120</v>
      </c>
      <c r="B97" s="5" t="s">
        <v>903</v>
      </c>
      <c r="C97" s="11">
        <v>0</v>
      </c>
      <c r="D97" s="11">
        <v>0</v>
      </c>
      <c r="E97" s="11">
        <v>0</v>
      </c>
      <c r="F97" s="11">
        <v>0</v>
      </c>
      <c r="G97" s="11">
        <v>0</v>
      </c>
    </row>
    <row r="98" spans="1:7" x14ac:dyDescent="0.25">
      <c r="A98" s="2" t="s">
        <v>121</v>
      </c>
      <c r="B98" s="4" t="s">
        <v>904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</row>
    <row r="99" spans="1:7" x14ac:dyDescent="0.25">
      <c r="A99" s="2" t="s">
        <v>122</v>
      </c>
      <c r="B99" s="4" t="s">
        <v>905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</row>
    <row r="100" spans="1:7" x14ac:dyDescent="0.25">
      <c r="A100" s="2" t="s">
        <v>123</v>
      </c>
      <c r="B100" s="4" t="s">
        <v>906</v>
      </c>
      <c r="C100" s="12">
        <v>121722983</v>
      </c>
      <c r="D100" s="12">
        <v>49203792.289999999</v>
      </c>
      <c r="E100" s="12">
        <v>2642013.9300000002</v>
      </c>
      <c r="F100" s="12">
        <v>1942013.93</v>
      </c>
      <c r="G100" s="12">
        <v>0</v>
      </c>
    </row>
    <row r="101" spans="1:7" x14ac:dyDescent="0.25">
      <c r="A101" s="2" t="s">
        <v>124</v>
      </c>
      <c r="B101" s="4" t="s">
        <v>907</v>
      </c>
      <c r="C101" s="12">
        <v>984103217</v>
      </c>
      <c r="D101" s="12">
        <v>224950152.03</v>
      </c>
      <c r="E101" s="12">
        <v>161530111.41</v>
      </c>
      <c r="F101" s="12">
        <v>99304712.379999995</v>
      </c>
      <c r="G101" s="12">
        <v>0</v>
      </c>
    </row>
    <row r="102" spans="1:7" x14ac:dyDescent="0.25">
      <c r="A102" s="2" t="s">
        <v>125</v>
      </c>
      <c r="B102" s="4" t="s">
        <v>908</v>
      </c>
      <c r="C102" s="12">
        <v>241471100</v>
      </c>
      <c r="D102" s="12">
        <v>49911339.539999999</v>
      </c>
      <c r="E102" s="12">
        <v>40749512.990000002</v>
      </c>
      <c r="F102" s="12">
        <v>40254394.210000001</v>
      </c>
      <c r="G102" s="12">
        <v>0</v>
      </c>
    </row>
    <row r="103" spans="1:7" x14ac:dyDescent="0.25">
      <c r="A103" s="2" t="s">
        <v>127</v>
      </c>
      <c r="B103" s="4" t="s">
        <v>909</v>
      </c>
      <c r="C103" s="12">
        <v>16375600</v>
      </c>
      <c r="D103" s="12">
        <v>372111.92</v>
      </c>
      <c r="E103" s="12">
        <v>311035.08</v>
      </c>
      <c r="F103" s="12">
        <v>311035.08</v>
      </c>
      <c r="G103" s="12">
        <v>0</v>
      </c>
    </row>
    <row r="104" spans="1:7" x14ac:dyDescent="0.25">
      <c r="A104" s="3" t="s">
        <v>129</v>
      </c>
      <c r="B104" s="5" t="s">
        <v>910</v>
      </c>
      <c r="C104" s="11">
        <v>1363672900</v>
      </c>
      <c r="D104" s="11">
        <v>324437395.77999997</v>
      </c>
      <c r="E104" s="11">
        <v>205232673.41</v>
      </c>
      <c r="F104" s="11">
        <v>141812155.59999999</v>
      </c>
      <c r="G104" s="11">
        <v>0</v>
      </c>
    </row>
    <row r="106" spans="1:7" x14ac:dyDescent="0.25">
      <c r="A106" s="10" t="s">
        <v>6</v>
      </c>
      <c r="B106" s="10" t="s">
        <v>911</v>
      </c>
      <c r="C106" s="10" t="s">
        <v>398</v>
      </c>
    </row>
    <row r="107" spans="1:7" x14ac:dyDescent="0.25">
      <c r="A107" s="10" t="s">
        <v>7</v>
      </c>
      <c r="B107" s="10" t="s">
        <v>7</v>
      </c>
      <c r="C107" s="10" t="s">
        <v>7</v>
      </c>
    </row>
    <row r="108" spans="1:7" x14ac:dyDescent="0.25">
      <c r="A108" s="2" t="s">
        <v>131</v>
      </c>
      <c r="B108" s="4" t="s">
        <v>912</v>
      </c>
      <c r="C108" s="12">
        <v>403915759.44999999</v>
      </c>
    </row>
    <row r="109" spans="1:7" x14ac:dyDescent="0.25">
      <c r="A109" s="2" t="s">
        <v>133</v>
      </c>
      <c r="B109" s="4" t="s">
        <v>913</v>
      </c>
      <c r="C109" s="12">
        <v>-204300758.38</v>
      </c>
    </row>
    <row r="110" spans="1:7" x14ac:dyDescent="0.25">
      <c r="A110" s="2" t="s">
        <v>135</v>
      </c>
      <c r="B110" s="4" t="s">
        <v>914</v>
      </c>
      <c r="C110" s="12">
        <v>0</v>
      </c>
    </row>
    <row r="111" spans="1:7" x14ac:dyDescent="0.25">
      <c r="A111" s="2" t="s">
        <v>137</v>
      </c>
      <c r="B111" s="4" t="s">
        <v>915</v>
      </c>
      <c r="C111" s="12">
        <v>0</v>
      </c>
    </row>
    <row r="112" spans="1:7" x14ac:dyDescent="0.25">
      <c r="A112" s="2" t="s">
        <v>139</v>
      </c>
      <c r="B112" s="4" t="s">
        <v>916</v>
      </c>
      <c r="C112" s="12">
        <v>1283752.69</v>
      </c>
    </row>
    <row r="113" spans="1:7" x14ac:dyDescent="0.25">
      <c r="A113" s="3" t="s">
        <v>141</v>
      </c>
      <c r="B113" s="5" t="s">
        <v>917</v>
      </c>
      <c r="C113" s="11">
        <v>606932765.13999999</v>
      </c>
    </row>
    <row r="115" spans="1:7" x14ac:dyDescent="0.25">
      <c r="A115" s="10" t="s">
        <v>6</v>
      </c>
      <c r="B115" s="10" t="s">
        <v>918</v>
      </c>
      <c r="C115" s="10" t="s">
        <v>919</v>
      </c>
      <c r="D115" s="10" t="s">
        <v>920</v>
      </c>
      <c r="E115" s="10" t="s">
        <v>921</v>
      </c>
    </row>
    <row r="116" spans="1:7" x14ac:dyDescent="0.25">
      <c r="A116" s="10" t="s">
        <v>7</v>
      </c>
      <c r="B116" s="10" t="s">
        <v>7</v>
      </c>
      <c r="C116" s="10" t="s">
        <v>7</v>
      </c>
      <c r="D116" s="10" t="s">
        <v>7</v>
      </c>
      <c r="E116" s="10" t="s">
        <v>7</v>
      </c>
    </row>
    <row r="117" spans="1:7" x14ac:dyDescent="0.25">
      <c r="A117" s="2" t="s">
        <v>143</v>
      </c>
      <c r="B117" s="4" t="s">
        <v>922</v>
      </c>
      <c r="C117" s="12">
        <v>619947721.38999999</v>
      </c>
      <c r="D117" s="12">
        <v>606932765.13999999</v>
      </c>
      <c r="E117" s="12">
        <v>24.48</v>
      </c>
    </row>
    <row r="119" spans="1:7" x14ac:dyDescent="0.25">
      <c r="A119" s="10" t="s">
        <v>6</v>
      </c>
      <c r="B119" s="10" t="s">
        <v>923</v>
      </c>
      <c r="C119" s="10" t="s">
        <v>924</v>
      </c>
      <c r="D119" s="10" t="s">
        <v>925</v>
      </c>
      <c r="E119" s="10" t="s">
        <v>926</v>
      </c>
      <c r="F119" s="10" t="s">
        <v>927</v>
      </c>
      <c r="G119" s="10" t="s">
        <v>928</v>
      </c>
    </row>
    <row r="120" spans="1:7" x14ac:dyDescent="0.25">
      <c r="A120" s="10" t="s">
        <v>7</v>
      </c>
      <c r="B120" s="10" t="s">
        <v>7</v>
      </c>
      <c r="C120" s="10" t="s">
        <v>7</v>
      </c>
      <c r="D120" s="10" t="s">
        <v>7</v>
      </c>
      <c r="E120" s="10" t="s">
        <v>7</v>
      </c>
      <c r="F120" s="10" t="s">
        <v>7</v>
      </c>
      <c r="G120" s="10" t="s">
        <v>7</v>
      </c>
    </row>
    <row r="121" spans="1:7" x14ac:dyDescent="0.25">
      <c r="A121" s="3" t="s">
        <v>145</v>
      </c>
      <c r="B121" s="5" t="s">
        <v>929</v>
      </c>
      <c r="C121" s="11">
        <v>181318257.22</v>
      </c>
      <c r="D121" s="11">
        <v>4529200.45</v>
      </c>
      <c r="E121" s="11">
        <v>42003961.969999999</v>
      </c>
      <c r="F121" s="11">
        <v>1283752.69</v>
      </c>
      <c r="G121" s="11">
        <v>138030542.56</v>
      </c>
    </row>
    <row r="122" spans="1:7" x14ac:dyDescent="0.25">
      <c r="A122" s="2" t="s">
        <v>147</v>
      </c>
      <c r="B122" s="4" t="s">
        <v>930</v>
      </c>
      <c r="C122" s="12">
        <v>138243016.77000001</v>
      </c>
      <c r="D122" s="12">
        <v>1450060.45</v>
      </c>
      <c r="E122" s="12">
        <v>32862871.120000001</v>
      </c>
      <c r="F122" s="12">
        <v>1283752.69</v>
      </c>
      <c r="G122" s="12">
        <v>104096392.95999999</v>
      </c>
    </row>
    <row r="123" spans="1:7" x14ac:dyDescent="0.25">
      <c r="A123" s="2" t="s">
        <v>149</v>
      </c>
      <c r="B123" s="4" t="s">
        <v>931</v>
      </c>
      <c r="C123" s="12">
        <v>43075240.450000003</v>
      </c>
      <c r="D123" s="12">
        <v>3079140</v>
      </c>
      <c r="E123" s="12">
        <v>9141090.8499999996</v>
      </c>
      <c r="F123" s="12">
        <v>0</v>
      </c>
      <c r="G123" s="12">
        <v>33934149.600000001</v>
      </c>
    </row>
    <row r="124" spans="1:7" x14ac:dyDescent="0.25">
      <c r="A124" s="2" t="s">
        <v>151</v>
      </c>
      <c r="B124" s="4" t="s">
        <v>932</v>
      </c>
      <c r="C124" s="12">
        <v>0</v>
      </c>
      <c r="D124" s="12">
        <v>0</v>
      </c>
      <c r="E124" s="12">
        <v>0</v>
      </c>
      <c r="F124" s="12">
        <v>0</v>
      </c>
      <c r="G124" s="12">
        <v>0</v>
      </c>
    </row>
    <row r="126" spans="1:7" x14ac:dyDescent="0.25">
      <c r="A126" s="10" t="s">
        <v>6</v>
      </c>
      <c r="B126" s="10" t="s">
        <v>933</v>
      </c>
      <c r="C126" s="10" t="s">
        <v>10</v>
      </c>
      <c r="D126" s="10" t="s">
        <v>578</v>
      </c>
    </row>
    <row r="127" spans="1:7" x14ac:dyDescent="0.25">
      <c r="A127" s="10" t="s">
        <v>7</v>
      </c>
      <c r="B127" s="10" t="s">
        <v>7</v>
      </c>
      <c r="C127" s="10" t="s">
        <v>7</v>
      </c>
      <c r="D127" s="10" t="s">
        <v>7</v>
      </c>
    </row>
    <row r="128" spans="1:7" x14ac:dyDescent="0.25">
      <c r="A128" s="3" t="s">
        <v>153</v>
      </c>
      <c r="B128" s="5" t="s">
        <v>934</v>
      </c>
      <c r="C128" s="11">
        <v>116196300</v>
      </c>
      <c r="D128" s="11">
        <v>9417689.5399999991</v>
      </c>
    </row>
    <row r="129" spans="1:7" x14ac:dyDescent="0.25">
      <c r="A129" s="2" t="s">
        <v>154</v>
      </c>
      <c r="B129" s="4" t="s">
        <v>935</v>
      </c>
      <c r="C129" s="12">
        <v>51196300</v>
      </c>
      <c r="D129" s="12">
        <v>7427009.46</v>
      </c>
    </row>
    <row r="130" spans="1:7" x14ac:dyDescent="0.25">
      <c r="A130" s="2" t="s">
        <v>155</v>
      </c>
      <c r="B130" s="4" t="s">
        <v>936</v>
      </c>
      <c r="C130" s="12">
        <v>0</v>
      </c>
      <c r="D130" s="12">
        <v>1990680.08</v>
      </c>
    </row>
    <row r="131" spans="1:7" x14ac:dyDescent="0.25">
      <c r="A131" s="2" t="s">
        <v>157</v>
      </c>
      <c r="B131" s="4" t="s">
        <v>937</v>
      </c>
      <c r="C131" s="12">
        <v>20000000</v>
      </c>
      <c r="D131" s="12">
        <v>0</v>
      </c>
    </row>
    <row r="132" spans="1:7" x14ac:dyDescent="0.25">
      <c r="A132" s="2" t="s">
        <v>159</v>
      </c>
      <c r="B132" s="4" t="s">
        <v>938</v>
      </c>
      <c r="C132" s="12">
        <v>0</v>
      </c>
      <c r="D132" s="12">
        <v>0</v>
      </c>
    </row>
    <row r="133" spans="1:7" x14ac:dyDescent="0.25">
      <c r="A133" s="2" t="s">
        <v>161</v>
      </c>
      <c r="B133" s="4" t="s">
        <v>939</v>
      </c>
      <c r="C133" s="12">
        <v>45000000</v>
      </c>
      <c r="D133" s="12">
        <v>0</v>
      </c>
    </row>
    <row r="134" spans="1:7" x14ac:dyDescent="0.25">
      <c r="A134" s="2" t="s">
        <v>163</v>
      </c>
      <c r="B134" s="4" t="s">
        <v>940</v>
      </c>
      <c r="C134" s="12">
        <v>79782500</v>
      </c>
      <c r="D134" s="12">
        <v>59799</v>
      </c>
    </row>
    <row r="135" spans="1:7" x14ac:dyDescent="0.25">
      <c r="A135" s="2" t="s">
        <v>165</v>
      </c>
      <c r="B135" s="4" t="s">
        <v>941</v>
      </c>
      <c r="C135" s="12">
        <v>0</v>
      </c>
      <c r="D135" s="12">
        <v>0</v>
      </c>
    </row>
    <row r="136" spans="1:7" x14ac:dyDescent="0.25">
      <c r="A136" s="2" t="s">
        <v>178</v>
      </c>
      <c r="B136" s="4" t="s">
        <v>942</v>
      </c>
      <c r="C136" s="12">
        <v>0</v>
      </c>
      <c r="D136" s="12">
        <v>0</v>
      </c>
    </row>
    <row r="137" spans="1:7" x14ac:dyDescent="0.25">
      <c r="A137" s="2" t="s">
        <v>180</v>
      </c>
      <c r="B137" s="4" t="s">
        <v>943</v>
      </c>
      <c r="C137" s="12">
        <v>50000</v>
      </c>
      <c r="D137" s="12">
        <v>2143</v>
      </c>
    </row>
    <row r="138" spans="1:7" x14ac:dyDescent="0.25">
      <c r="A138" s="3" t="s">
        <v>182</v>
      </c>
      <c r="B138" s="5" t="s">
        <v>944</v>
      </c>
      <c r="C138" s="11">
        <v>196028800</v>
      </c>
      <c r="D138" s="11">
        <v>9479631.5399999991</v>
      </c>
    </row>
    <row r="140" spans="1:7" x14ac:dyDescent="0.25">
      <c r="A140" s="10" t="s">
        <v>6</v>
      </c>
      <c r="B140" s="10" t="s">
        <v>945</v>
      </c>
      <c r="C140" s="10" t="s">
        <v>600</v>
      </c>
      <c r="D140" s="10" t="s">
        <v>601</v>
      </c>
      <c r="E140" s="10" t="s">
        <v>602</v>
      </c>
      <c r="F140" s="10" t="s">
        <v>603</v>
      </c>
      <c r="G140" s="10" t="s">
        <v>864</v>
      </c>
    </row>
    <row r="141" spans="1:7" x14ac:dyDescent="0.25">
      <c r="A141" s="10" t="s">
        <v>7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0" t="s">
        <v>7</v>
      </c>
    </row>
    <row r="142" spans="1:7" x14ac:dyDescent="0.25">
      <c r="A142" s="3" t="s">
        <v>184</v>
      </c>
      <c r="B142" s="5" t="s">
        <v>946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</row>
    <row r="143" spans="1:7" x14ac:dyDescent="0.25">
      <c r="A143" s="2" t="s">
        <v>186</v>
      </c>
      <c r="B143" s="4" t="s">
        <v>947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</row>
    <row r="144" spans="1:7" x14ac:dyDescent="0.25">
      <c r="A144" s="2" t="s">
        <v>188</v>
      </c>
      <c r="B144" s="4" t="s">
        <v>948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</row>
    <row r="145" spans="1:7" x14ac:dyDescent="0.25">
      <c r="A145" s="2" t="s">
        <v>190</v>
      </c>
      <c r="B145" s="4" t="s">
        <v>949</v>
      </c>
      <c r="C145" s="12">
        <v>42814998.969999999</v>
      </c>
      <c r="D145" s="12">
        <v>3492828.91</v>
      </c>
      <c r="E145" s="12">
        <v>165724.14000000001</v>
      </c>
      <c r="F145" s="12">
        <v>165724.14000000001</v>
      </c>
      <c r="G145" s="12">
        <v>0</v>
      </c>
    </row>
    <row r="146" spans="1:7" x14ac:dyDescent="0.25">
      <c r="A146" s="2" t="s">
        <v>192</v>
      </c>
      <c r="B146" s="4" t="s">
        <v>950</v>
      </c>
      <c r="C146" s="12">
        <v>153727601.03</v>
      </c>
      <c r="D146" s="12">
        <v>14933970.73</v>
      </c>
      <c r="E146" s="12">
        <v>1131635.33</v>
      </c>
      <c r="F146" s="12">
        <v>1131635.33</v>
      </c>
      <c r="G146" s="12">
        <v>0</v>
      </c>
    </row>
    <row r="147" spans="1:7" x14ac:dyDescent="0.25">
      <c r="A147" s="2" t="s">
        <v>194</v>
      </c>
      <c r="B147" s="4" t="s">
        <v>951</v>
      </c>
      <c r="C147" s="12">
        <v>23890200</v>
      </c>
      <c r="D147" s="12">
        <v>895061.13</v>
      </c>
      <c r="E147" s="12">
        <v>96150.46</v>
      </c>
      <c r="F147" s="12">
        <v>96061.96</v>
      </c>
      <c r="G147" s="12">
        <v>0</v>
      </c>
    </row>
    <row r="148" spans="1:7" x14ac:dyDescent="0.25">
      <c r="A148" s="2" t="s">
        <v>196</v>
      </c>
      <c r="B148" s="4" t="s">
        <v>952</v>
      </c>
      <c r="C148" s="12">
        <v>9600000</v>
      </c>
      <c r="D148" s="12">
        <v>401457.15</v>
      </c>
      <c r="E148" s="12">
        <v>208624.95</v>
      </c>
      <c r="F148" s="12">
        <v>207662.95</v>
      </c>
      <c r="G148" s="12">
        <v>0</v>
      </c>
    </row>
    <row r="149" spans="1:7" x14ac:dyDescent="0.25">
      <c r="A149" s="3" t="s">
        <v>198</v>
      </c>
      <c r="B149" s="5" t="s">
        <v>953</v>
      </c>
      <c r="C149" s="11">
        <v>230032800</v>
      </c>
      <c r="D149" s="11">
        <v>19723317.920000002</v>
      </c>
      <c r="E149" s="11">
        <v>1602134.88</v>
      </c>
      <c r="F149" s="11">
        <v>1601084.38</v>
      </c>
      <c r="G149" s="11">
        <v>0</v>
      </c>
    </row>
    <row r="151" spans="1:7" x14ac:dyDescent="0.25">
      <c r="A151" s="10" t="s">
        <v>6</v>
      </c>
      <c r="B151" s="10" t="s">
        <v>954</v>
      </c>
      <c r="C151" s="10" t="s">
        <v>600</v>
      </c>
      <c r="D151" s="10" t="s">
        <v>601</v>
      </c>
      <c r="E151" s="10" t="s">
        <v>602</v>
      </c>
      <c r="F151" s="10" t="s">
        <v>603</v>
      </c>
      <c r="G151" s="10" t="s">
        <v>864</v>
      </c>
    </row>
    <row r="152" spans="1:7" x14ac:dyDescent="0.25">
      <c r="A152" s="10" t="s">
        <v>7</v>
      </c>
      <c r="B152" s="10" t="s">
        <v>7</v>
      </c>
      <c r="C152" s="10" t="s">
        <v>7</v>
      </c>
      <c r="D152" s="10" t="s">
        <v>7</v>
      </c>
      <c r="E152" s="10" t="s">
        <v>7</v>
      </c>
      <c r="F152" s="10" t="s">
        <v>7</v>
      </c>
      <c r="G152" s="10" t="s">
        <v>7</v>
      </c>
    </row>
    <row r="153" spans="1:7" x14ac:dyDescent="0.25">
      <c r="A153" s="3" t="s">
        <v>200</v>
      </c>
      <c r="B153" s="5" t="s">
        <v>955</v>
      </c>
      <c r="C153" s="11">
        <v>2846550600</v>
      </c>
      <c r="D153" s="11">
        <v>543561419.46000004</v>
      </c>
      <c r="E153" s="11">
        <v>405517894.32999998</v>
      </c>
      <c r="F153" s="11">
        <v>341439964.73000002</v>
      </c>
      <c r="G153" s="11">
        <v>0</v>
      </c>
    </row>
    <row r="154" spans="1:7" x14ac:dyDescent="0.25">
      <c r="A154" s="3" t="s">
        <v>202</v>
      </c>
      <c r="B154" s="5" t="s">
        <v>956</v>
      </c>
      <c r="C154" s="11">
        <v>2639000623</v>
      </c>
      <c r="D154" s="11">
        <v>479284655.75999999</v>
      </c>
      <c r="E154" s="11">
        <v>402449061.82999998</v>
      </c>
      <c r="F154" s="11">
        <v>339373428.19</v>
      </c>
      <c r="G154" s="11">
        <v>0</v>
      </c>
    </row>
    <row r="155" spans="1:7" x14ac:dyDescent="0.25">
      <c r="A155" s="2" t="s">
        <v>204</v>
      </c>
      <c r="B155" s="4" t="s">
        <v>957</v>
      </c>
      <c r="C155" s="12">
        <v>2182609800</v>
      </c>
      <c r="D155" s="12">
        <v>366269745.97000003</v>
      </c>
      <c r="E155" s="12">
        <v>365684570.41000003</v>
      </c>
      <c r="F155" s="12">
        <v>309518621.83999997</v>
      </c>
      <c r="G155" s="12">
        <v>0</v>
      </c>
    </row>
    <row r="156" spans="1:7" x14ac:dyDescent="0.25">
      <c r="A156" s="2" t="s">
        <v>206</v>
      </c>
      <c r="B156" s="4" t="s">
        <v>958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</row>
    <row r="157" spans="1:7" x14ac:dyDescent="0.25">
      <c r="A157" s="2" t="s">
        <v>208</v>
      </c>
      <c r="B157" s="4" t="s">
        <v>959</v>
      </c>
      <c r="C157" s="12">
        <v>35226963</v>
      </c>
      <c r="D157" s="12">
        <v>208531.20000000001</v>
      </c>
      <c r="E157" s="12">
        <v>104265.60000000001</v>
      </c>
      <c r="F157" s="12">
        <v>104265.60000000001</v>
      </c>
      <c r="G157" s="12">
        <v>0</v>
      </c>
    </row>
    <row r="158" spans="1:7" x14ac:dyDescent="0.25">
      <c r="A158" s="2" t="s">
        <v>210</v>
      </c>
      <c r="B158" s="4" t="s">
        <v>960</v>
      </c>
      <c r="C158" s="12">
        <v>421163860</v>
      </c>
      <c r="D158" s="12">
        <v>112806378.59</v>
      </c>
      <c r="E158" s="12">
        <v>36660225.82</v>
      </c>
      <c r="F158" s="12">
        <v>29750540.75</v>
      </c>
      <c r="G158" s="12">
        <v>0</v>
      </c>
    </row>
    <row r="159" spans="1:7" x14ac:dyDescent="0.25">
      <c r="A159" s="3" t="s">
        <v>212</v>
      </c>
      <c r="B159" s="5" t="s">
        <v>961</v>
      </c>
      <c r="C159" s="11">
        <v>207549977</v>
      </c>
      <c r="D159" s="11">
        <v>64276763.700000003</v>
      </c>
      <c r="E159" s="11">
        <v>3068832.5</v>
      </c>
      <c r="F159" s="11">
        <v>2066536.54</v>
      </c>
      <c r="G159" s="11">
        <v>0</v>
      </c>
    </row>
    <row r="160" spans="1:7" x14ac:dyDescent="0.25">
      <c r="A160" s="2" t="s">
        <v>214</v>
      </c>
      <c r="B160" s="4" t="s">
        <v>962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</row>
    <row r="161" spans="1:7" x14ac:dyDescent="0.25">
      <c r="A161" s="2" t="s">
        <v>216</v>
      </c>
      <c r="B161" s="4" t="s">
        <v>963</v>
      </c>
      <c r="C161" s="12">
        <v>207549977</v>
      </c>
      <c r="D161" s="12">
        <v>64276763.700000003</v>
      </c>
      <c r="E161" s="12">
        <v>3068832.5</v>
      </c>
      <c r="F161" s="12">
        <v>2066536.54</v>
      </c>
      <c r="G161" s="12">
        <v>0</v>
      </c>
    </row>
    <row r="163" spans="1:7" x14ac:dyDescent="0.25">
      <c r="A163" s="10" t="s">
        <v>6</v>
      </c>
      <c r="B163" s="10" t="s">
        <v>964</v>
      </c>
      <c r="C163" s="10" t="s">
        <v>965</v>
      </c>
      <c r="D163" s="10" t="s">
        <v>966</v>
      </c>
    </row>
    <row r="164" spans="1:7" x14ac:dyDescent="0.25">
      <c r="A164" s="10" t="s">
        <v>7</v>
      </c>
      <c r="B164" s="10" t="s">
        <v>7</v>
      </c>
      <c r="C164" s="10" t="s">
        <v>7</v>
      </c>
      <c r="D164" s="10" t="s">
        <v>7</v>
      </c>
    </row>
    <row r="165" spans="1:7" x14ac:dyDescent="0.25">
      <c r="A165" s="2" t="s">
        <v>217</v>
      </c>
      <c r="B165" s="4" t="s">
        <v>967</v>
      </c>
      <c r="C165" s="12">
        <v>71668594.209999993</v>
      </c>
      <c r="D165" s="12">
        <v>6958817.5</v>
      </c>
    </row>
    <row r="166" spans="1:7" x14ac:dyDescent="0.25">
      <c r="A166" s="2" t="s">
        <v>218</v>
      </c>
      <c r="B166" s="4" t="s">
        <v>968</v>
      </c>
      <c r="C166" s="12">
        <v>264397010.13999999</v>
      </c>
      <c r="D166" s="12">
        <v>7427009.46</v>
      </c>
    </row>
    <row r="167" spans="1:7" x14ac:dyDescent="0.25">
      <c r="A167" s="2" t="s">
        <v>220</v>
      </c>
      <c r="B167" s="4" t="s">
        <v>969</v>
      </c>
      <c r="C167" s="12">
        <v>207167815.59999999</v>
      </c>
      <c r="D167" s="12">
        <v>3741091.75</v>
      </c>
    </row>
    <row r="168" spans="1:7" x14ac:dyDescent="0.25">
      <c r="A168" s="3" t="s">
        <v>222</v>
      </c>
      <c r="B168" s="5" t="s">
        <v>970</v>
      </c>
      <c r="C168" s="11">
        <v>128897788.75</v>
      </c>
      <c r="D168" s="11">
        <v>10644735.210000001</v>
      </c>
    </row>
    <row r="169" spans="1:7" x14ac:dyDescent="0.25">
      <c r="A169" s="2" t="s">
        <v>224</v>
      </c>
      <c r="B169" s="4" t="s">
        <v>971</v>
      </c>
      <c r="C169" s="12">
        <v>11171228.57</v>
      </c>
      <c r="D169" s="12">
        <v>1959.25</v>
      </c>
    </row>
    <row r="170" spans="1:7" x14ac:dyDescent="0.25">
      <c r="A170" s="2" t="s">
        <v>227</v>
      </c>
      <c r="B170" s="4" t="s">
        <v>972</v>
      </c>
      <c r="C170" s="12">
        <v>0</v>
      </c>
      <c r="D170" s="12">
        <v>51941.37</v>
      </c>
    </row>
    <row r="171" spans="1:7" x14ac:dyDescent="0.25">
      <c r="A171" s="3" t="s">
        <v>229</v>
      </c>
      <c r="B171" s="5" t="s">
        <v>973</v>
      </c>
      <c r="C171" s="11">
        <v>140069017.31999999</v>
      </c>
      <c r="D171" s="11">
        <v>10594753.09</v>
      </c>
    </row>
  </sheetData>
  <mergeCells count="106">
    <mergeCell ref="A163:A164"/>
    <mergeCell ref="B163:B164"/>
    <mergeCell ref="C163:C164"/>
    <mergeCell ref="D163:D164"/>
    <mergeCell ref="F140:F141"/>
    <mergeCell ref="G140:G141"/>
    <mergeCell ref="A151:A152"/>
    <mergeCell ref="B151:B152"/>
    <mergeCell ref="C151:C152"/>
    <mergeCell ref="D151:D152"/>
    <mergeCell ref="E151:E152"/>
    <mergeCell ref="F151:F152"/>
    <mergeCell ref="G151:G152"/>
    <mergeCell ref="A140:A141"/>
    <mergeCell ref="B140:B141"/>
    <mergeCell ref="C140:C141"/>
    <mergeCell ref="D140:D141"/>
    <mergeCell ref="E140:E141"/>
    <mergeCell ref="F119:F120"/>
    <mergeCell ref="G119:G120"/>
    <mergeCell ref="A126:A127"/>
    <mergeCell ref="B126:B127"/>
    <mergeCell ref="C126:C127"/>
    <mergeCell ref="D126:D127"/>
    <mergeCell ref="D115:D116"/>
    <mergeCell ref="E115:E116"/>
    <mergeCell ref="A119:A120"/>
    <mergeCell ref="B119:B120"/>
    <mergeCell ref="C119:C120"/>
    <mergeCell ref="D119:D120"/>
    <mergeCell ref="E119:E120"/>
    <mergeCell ref="A106:A107"/>
    <mergeCell ref="B106:B107"/>
    <mergeCell ref="C106:C107"/>
    <mergeCell ref="A115:A116"/>
    <mergeCell ref="B115:B116"/>
    <mergeCell ref="C115:C116"/>
    <mergeCell ref="F89:F90"/>
    <mergeCell ref="G89:G90"/>
    <mergeCell ref="H89:H90"/>
    <mergeCell ref="A95:A96"/>
    <mergeCell ref="B95:B96"/>
    <mergeCell ref="C95:C96"/>
    <mergeCell ref="D95:D96"/>
    <mergeCell ref="E95:E96"/>
    <mergeCell ref="F95:F96"/>
    <mergeCell ref="G95:G96"/>
    <mergeCell ref="A89:A90"/>
    <mergeCell ref="B89:B90"/>
    <mergeCell ref="C89:C90"/>
    <mergeCell ref="D89:D90"/>
    <mergeCell ref="E89:E90"/>
    <mergeCell ref="F80:F81"/>
    <mergeCell ref="A85:A86"/>
    <mergeCell ref="B85:B86"/>
    <mergeCell ref="C85:C86"/>
    <mergeCell ref="D85:D86"/>
    <mergeCell ref="E85:E86"/>
    <mergeCell ref="F85:F86"/>
    <mergeCell ref="A80:A81"/>
    <mergeCell ref="B80:B81"/>
    <mergeCell ref="C80:C81"/>
    <mergeCell ref="D80:D81"/>
    <mergeCell ref="E80:E81"/>
    <mergeCell ref="D62:D63"/>
    <mergeCell ref="E62:E63"/>
    <mergeCell ref="F62:F63"/>
    <mergeCell ref="G62:G63"/>
    <mergeCell ref="A72:A73"/>
    <mergeCell ref="B72:B73"/>
    <mergeCell ref="C72:C73"/>
    <mergeCell ref="D72:D73"/>
    <mergeCell ref="E72:E73"/>
    <mergeCell ref="F72:F73"/>
    <mergeCell ref="G72:G73"/>
    <mergeCell ref="A58:A59"/>
    <mergeCell ref="B58:B59"/>
    <mergeCell ref="C58:C59"/>
    <mergeCell ref="A62:A63"/>
    <mergeCell ref="B62:B63"/>
    <mergeCell ref="C62:C63"/>
    <mergeCell ref="A38:A39"/>
    <mergeCell ref="B38:B39"/>
    <mergeCell ref="C38:C39"/>
    <mergeCell ref="D38:D39"/>
    <mergeCell ref="A52:A53"/>
    <mergeCell ref="B52:B53"/>
    <mergeCell ref="C52:C53"/>
    <mergeCell ref="A30:A31"/>
    <mergeCell ref="B30:B31"/>
    <mergeCell ref="C30:C31"/>
    <mergeCell ref="D30:D31"/>
    <mergeCell ref="A34:A35"/>
    <mergeCell ref="B34:B35"/>
    <mergeCell ref="C34:C35"/>
    <mergeCell ref="D34:D35"/>
    <mergeCell ref="A9:H9"/>
    <mergeCell ref="A10:A11"/>
    <mergeCell ref="B10:B11"/>
    <mergeCell ref="C10:C11"/>
    <mergeCell ref="D10:D11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36"/>
  <sheetViews>
    <sheetView showGridLines="0" workbookViewId="0">
      <selection activeCell="C22" sqref="C22"/>
    </sheetView>
  </sheetViews>
  <sheetFormatPr defaultRowHeight="15" x14ac:dyDescent="0.25"/>
  <cols>
    <col min="2" max="2" width="88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974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975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976</v>
      </c>
      <c r="C10" s="10" t="s">
        <v>977</v>
      </c>
      <c r="D10" s="10" t="s">
        <v>978</v>
      </c>
      <c r="E10" s="10" t="s">
        <v>979</v>
      </c>
      <c r="F10" s="10" t="s">
        <v>980</v>
      </c>
      <c r="G10" s="10" t="s">
        <v>981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0" t="s">
        <v>7</v>
      </c>
    </row>
    <row r="12" spans="1:7" x14ac:dyDescent="0.25">
      <c r="A12" s="3" t="s">
        <v>17</v>
      </c>
      <c r="B12" s="5" t="s">
        <v>982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</row>
    <row r="13" spans="1:7" x14ac:dyDescent="0.25">
      <c r="A13" s="2" t="s">
        <v>19</v>
      </c>
      <c r="B13" s="4" t="s">
        <v>983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</row>
    <row r="14" spans="1:7" x14ac:dyDescent="0.25">
      <c r="A14" s="2" t="s">
        <v>21</v>
      </c>
      <c r="B14" s="4" t="s">
        <v>984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</row>
    <row r="15" spans="1:7" x14ac:dyDescent="0.25">
      <c r="A15" s="2" t="s">
        <v>23</v>
      </c>
      <c r="B15" s="4" t="s">
        <v>985</v>
      </c>
      <c r="C15" s="12">
        <v>0</v>
      </c>
      <c r="D15" s="12">
        <v>0</v>
      </c>
      <c r="E15" s="12">
        <v>0</v>
      </c>
      <c r="F15" s="12">
        <v>0</v>
      </c>
      <c r="G15" s="12">
        <v>0</v>
      </c>
    </row>
    <row r="16" spans="1:7" x14ac:dyDescent="0.25">
      <c r="A16" s="2" t="s">
        <v>25</v>
      </c>
      <c r="B16" s="4" t="s">
        <v>986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</row>
    <row r="17" spans="1:7" x14ac:dyDescent="0.25">
      <c r="A17" s="2" t="s">
        <v>27</v>
      </c>
      <c r="B17" s="4" t="s">
        <v>987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</row>
    <row r="18" spans="1:7" x14ac:dyDescent="0.25">
      <c r="A18" s="3" t="s">
        <v>29</v>
      </c>
      <c r="B18" s="5" t="s">
        <v>988</v>
      </c>
      <c r="C18" s="11">
        <v>0</v>
      </c>
      <c r="D18" s="11">
        <v>0</v>
      </c>
      <c r="E18" s="11">
        <v>0</v>
      </c>
      <c r="F18" s="11">
        <v>0</v>
      </c>
      <c r="G18" s="11">
        <v>0</v>
      </c>
    </row>
    <row r="19" spans="1:7" x14ac:dyDescent="0.25">
      <c r="A19" s="2" t="s">
        <v>31</v>
      </c>
      <c r="B19" s="4" t="s">
        <v>983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</row>
    <row r="20" spans="1:7" x14ac:dyDescent="0.25">
      <c r="A20" s="2" t="s">
        <v>33</v>
      </c>
      <c r="B20" s="4" t="s">
        <v>98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</row>
    <row r="21" spans="1:7" x14ac:dyDescent="0.25">
      <c r="A21" s="2" t="s">
        <v>35</v>
      </c>
      <c r="B21" s="4" t="s">
        <v>985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</row>
    <row r="22" spans="1:7" x14ac:dyDescent="0.25">
      <c r="A22" s="2" t="s">
        <v>37</v>
      </c>
      <c r="B22" s="4" t="s">
        <v>986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</row>
    <row r="23" spans="1:7" x14ac:dyDescent="0.25">
      <c r="A23" s="2" t="s">
        <v>39</v>
      </c>
      <c r="B23" s="4" t="s">
        <v>989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</row>
    <row r="24" spans="1:7" x14ac:dyDescent="0.25">
      <c r="A24" s="3" t="s">
        <v>41</v>
      </c>
      <c r="B24" s="5" t="s">
        <v>990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</row>
    <row r="25" spans="1:7" x14ac:dyDescent="0.25">
      <c r="A25" s="2" t="s">
        <v>43</v>
      </c>
      <c r="B25" s="4" t="s">
        <v>983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</row>
    <row r="26" spans="1:7" x14ac:dyDescent="0.25">
      <c r="A26" s="2" t="s">
        <v>45</v>
      </c>
      <c r="B26" s="4" t="s">
        <v>984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</row>
    <row r="27" spans="1:7" x14ac:dyDescent="0.25">
      <c r="A27" s="2" t="s">
        <v>47</v>
      </c>
      <c r="B27" s="4" t="s">
        <v>985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</row>
    <row r="28" spans="1:7" x14ac:dyDescent="0.25">
      <c r="A28" s="2" t="s">
        <v>49</v>
      </c>
      <c r="B28" s="4" t="s">
        <v>986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</row>
    <row r="29" spans="1:7" x14ac:dyDescent="0.25">
      <c r="A29" s="2" t="s">
        <v>51</v>
      </c>
      <c r="B29" s="4" t="s">
        <v>989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</row>
    <row r="30" spans="1:7" x14ac:dyDescent="0.25">
      <c r="A30" s="3" t="s">
        <v>53</v>
      </c>
      <c r="B30" s="5" t="s">
        <v>991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</row>
    <row r="31" spans="1:7" x14ac:dyDescent="0.25">
      <c r="A31" s="2" t="s">
        <v>55</v>
      </c>
      <c r="B31" s="4" t="s">
        <v>98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</row>
    <row r="32" spans="1:7" x14ac:dyDescent="0.25">
      <c r="A32" s="2" t="s">
        <v>57</v>
      </c>
      <c r="B32" s="4" t="s">
        <v>989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</row>
    <row r="33" spans="1:7" x14ac:dyDescent="0.25">
      <c r="A33" s="3" t="s">
        <v>59</v>
      </c>
      <c r="B33" s="5" t="s">
        <v>992</v>
      </c>
      <c r="C33" s="11">
        <v>0</v>
      </c>
      <c r="D33" s="11">
        <v>0</v>
      </c>
      <c r="E33" s="11">
        <v>0</v>
      </c>
      <c r="F33" s="11">
        <v>0</v>
      </c>
      <c r="G33" s="11">
        <v>0</v>
      </c>
    </row>
    <row r="34" spans="1:7" x14ac:dyDescent="0.25">
      <c r="A34" s="2" t="s">
        <v>61</v>
      </c>
      <c r="B34" s="4" t="s">
        <v>986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</row>
    <row r="35" spans="1:7" x14ac:dyDescent="0.25">
      <c r="A35" s="2" t="s">
        <v>63</v>
      </c>
      <c r="B35" s="4" t="s">
        <v>989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</row>
    <row r="36" spans="1:7" x14ac:dyDescent="0.25">
      <c r="A36" s="3" t="s">
        <v>65</v>
      </c>
      <c r="B36" s="5" t="s">
        <v>993</v>
      </c>
      <c r="C36" s="11">
        <v>0</v>
      </c>
      <c r="D36" s="11">
        <v>0</v>
      </c>
      <c r="E36" s="11">
        <v>0</v>
      </c>
      <c r="F36" s="11">
        <v>0</v>
      </c>
      <c r="G36" s="11">
        <v>0</v>
      </c>
    </row>
  </sheetData>
  <mergeCells count="13">
    <mergeCell ref="A9:G9"/>
    <mergeCell ref="A10:A11"/>
    <mergeCell ref="B10:B11"/>
    <mergeCell ref="C10:C11"/>
    <mergeCell ref="D10:D11"/>
    <mergeCell ref="E10:E11"/>
    <mergeCell ref="F10:F11"/>
    <mergeCell ref="G10:G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3</vt:i4>
      </vt:variant>
    </vt:vector>
  </HeadingPairs>
  <TitlesOfParts>
    <vt:vector size="13" baseType="lpstr">
      <vt:lpstr>Anexo - 01 - Balanço Orçamentár</vt:lpstr>
      <vt:lpstr>Anexo - 01.1 - Despesas Corrent</vt:lpstr>
      <vt:lpstr>Anexo - 02 - Despesas por Funçã</vt:lpstr>
      <vt:lpstr>Anexo - 03 - Receita Corrente L</vt:lpstr>
      <vt:lpstr>Anexo - 04 - Receitas e Despesa</vt:lpstr>
      <vt:lpstr>Anexo - 06 - Resultado Primário</vt:lpstr>
      <vt:lpstr>Anexo - 07 - Restos a Pagar por</vt:lpstr>
      <vt:lpstr>Anexo - 08 - Receitas e Despesa</vt:lpstr>
      <vt:lpstr>Anexo - 08.1 - Despesa MDE-Cons</vt:lpstr>
      <vt:lpstr>Anexo - 12 - Receitas e Despesa</vt:lpstr>
      <vt:lpstr>Anexo - 12.1 - Despesas Saúde -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2-03-24T12:46:00Z</dcterms:created>
  <dcterms:modified xsi:type="dcterms:W3CDTF">2022-03-24T13:15:10Z</dcterms:modified>
</cp:coreProperties>
</file>